
<file path=[Content_Types].xml><?xml version="1.0" encoding="utf-8"?>
<Types xmlns="http://schemas.openxmlformats.org/package/2006/content-types">
  <Default Extension="png" ContentType="image/png"/>
  <Default Extension="emf" ContentType="image/x-emf"/>
  <Default Extension="jpeg" ContentType="image/jpeg"/>
  <Default Extension="m4a" ContentType="audio/mp4"/>
  <Default Extension="rels" ContentType="application/vnd.openxmlformats-package.relationships+xml"/>
  <Default Extension="xml" ContentType="application/xml"/>
  <Default Extension="wdp" ContentType="image/vnd.ms-photo"/>
  <Default Extension="gif" ContentType="image/gif"/>
  <Default Extension="tiff" ContentType="image/tiff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slides/slide33.xml" ContentType="application/vnd.openxmlformats-officedocument.presentationml.slide+xml"/>
  <Override PartName="/ppt/slides/slide34.xml" ContentType="application/vnd.openxmlformats-officedocument.presentationml.slide+xml"/>
  <Override PartName="/ppt/slides/slide35.xml" ContentType="application/vnd.openxmlformats-officedocument.presentationml.slide+xml"/>
  <Override PartName="/ppt/slides/slide36.xml" ContentType="application/vnd.openxmlformats-officedocument.presentationml.slide+xml"/>
  <Override PartName="/ppt/slides/slide37.xml" ContentType="application/vnd.openxmlformats-officedocument.presentationml.slide+xml"/>
  <Override PartName="/ppt/slides/slide38.xml" ContentType="application/vnd.openxmlformats-officedocument.presentationml.slide+xml"/>
  <Override PartName="/ppt/slides/slide39.xml" ContentType="application/vnd.openxmlformats-officedocument.presentationml.slide+xml"/>
  <Override PartName="/ppt/slides/slide40.xml" ContentType="application/vnd.openxmlformats-officedocument.presentationml.slide+xml"/>
  <Override PartName="/ppt/slides/slide41.xml" ContentType="application/vnd.openxmlformats-officedocument.presentationml.slide+xml"/>
  <Override PartName="/ppt/slides/slide42.xml" ContentType="application/vnd.openxmlformats-officedocument.presentationml.slide+xml"/>
  <Override PartName="/ppt/slides/slide43.xml" ContentType="application/vnd.openxmlformats-officedocument.presentationml.slide+xml"/>
  <Override PartName="/ppt/slides/slide44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heme/theme2.xml" ContentType="application/vnd.openxmlformats-officedocument.theme+xml"/>
  <Override PartName="/ppt/notesSlides/notesSlide1.xml" ContentType="application/vnd.openxmlformats-officedocument.presentationml.notesSlide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notesSlides/notesSlide2.xml" ContentType="application/vnd.openxmlformats-officedocument.presentationml.notesSlide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notesSlides/notesSlide3.xml" ContentType="application/vnd.openxmlformats-officedocument.presentationml.notesSlide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notesSlides/notesSlide8.xml" ContentType="application/vnd.openxmlformats-officedocument.presentationml.notesSlide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notesSlides/notesSlide9.xml" ContentType="application/vnd.openxmlformats-officedocument.presentationml.notesSlide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notesSlides/notesSlide10.xml" ContentType="application/vnd.openxmlformats-officedocument.presentationml.notesSlide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notesSlides/notesSlide11.xml" ContentType="application/vnd.openxmlformats-officedocument.presentationml.notesSlide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notesSlides/notesSlide12.xml" ContentType="application/vnd.openxmlformats-officedocument.presentationml.notesSlide+xml"/>
  <Override PartName="/ppt/notesSlides/notesSlide13.xml" ContentType="application/vnd.openxmlformats-officedocument.presentationml.notesSlide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notesSlides/notesSlide14.xml" ContentType="application/vnd.openxmlformats-officedocument.presentationml.notesSlide+xml"/>
  <Override PartName="/ppt/tags/tag51.xml" ContentType="application/vnd.openxmlformats-officedocument.presentationml.tags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notesSlides/notesSlide17.xml" ContentType="application/vnd.openxmlformats-officedocument.presentationml.notesSlide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notesSlides/notesSlide18.xml" ContentType="application/vnd.openxmlformats-officedocument.presentationml.notesSlide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notesSlides/notesSlide19.xml" ContentType="application/vnd.openxmlformats-officedocument.presentationml.notesSlide+xml"/>
  <Override PartName="/ppt/notesSlides/notesSlide20.xml" ContentType="application/vnd.openxmlformats-officedocument.presentationml.notesSlide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notesSlides/notesSlide21.xml" ContentType="application/vnd.openxmlformats-officedocument.presentationml.notesSlide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notesSlides/notesSlide22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tags/tag82.xml" ContentType="application/vnd.openxmlformats-officedocument.presentationml.tags+xml"/>
  <Override PartName="/ppt/notesSlides/notesSlide23.xml" ContentType="application/vnd.openxmlformats-officedocument.presentationml.notesSlide+xml"/>
  <Override PartName="/ppt/notesSlides/notesSlide24.xml" ContentType="application/vnd.openxmlformats-officedocument.presentationml.notesSlide+xml"/>
  <Override PartName="/ppt/charts/chart1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notesSlides/notesSlide25.xml" ContentType="application/vnd.openxmlformats-officedocument.presentationml.notesSlide+xml"/>
  <Override PartName="/ppt/charts/chart2.xml" ContentType="application/vnd.openxmlformats-officedocument.drawingml.chart+xml"/>
  <Override PartName="/ppt/charts/style2.xml" ContentType="application/vnd.ms-office.chartstyle+xml"/>
  <Override PartName="/ppt/charts/colors2.xml" ContentType="application/vnd.ms-office.chartcolorstyle+xml"/>
  <Override PartName="/ppt/notesSlides/notesSlide26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46"/>
  </p:notesMasterIdLst>
  <p:sldIdLst>
    <p:sldId id="326" r:id="rId2"/>
    <p:sldId id="267" r:id="rId3"/>
    <p:sldId id="509" r:id="rId4"/>
    <p:sldId id="331" r:id="rId5"/>
    <p:sldId id="507" r:id="rId6"/>
    <p:sldId id="542" r:id="rId7"/>
    <p:sldId id="492" r:id="rId8"/>
    <p:sldId id="483" r:id="rId9"/>
    <p:sldId id="493" r:id="rId10"/>
    <p:sldId id="505" r:id="rId11"/>
    <p:sldId id="524" r:id="rId12"/>
    <p:sldId id="525" r:id="rId13"/>
    <p:sldId id="513" r:id="rId14"/>
    <p:sldId id="482" r:id="rId15"/>
    <p:sldId id="534" r:id="rId16"/>
    <p:sldId id="535" r:id="rId17"/>
    <p:sldId id="536" r:id="rId18"/>
    <p:sldId id="537" r:id="rId19"/>
    <p:sldId id="541" r:id="rId20"/>
    <p:sldId id="539" r:id="rId21"/>
    <p:sldId id="540" r:id="rId22"/>
    <p:sldId id="329" r:id="rId23"/>
    <p:sldId id="508" r:id="rId24"/>
    <p:sldId id="530" r:id="rId25"/>
    <p:sldId id="528" r:id="rId26"/>
    <p:sldId id="491" r:id="rId27"/>
    <p:sldId id="522" r:id="rId28"/>
    <p:sldId id="523" r:id="rId29"/>
    <p:sldId id="473" r:id="rId30"/>
    <p:sldId id="503" r:id="rId31"/>
    <p:sldId id="526" r:id="rId32"/>
    <p:sldId id="531" r:id="rId33"/>
    <p:sldId id="532" r:id="rId34"/>
    <p:sldId id="514" r:id="rId35"/>
    <p:sldId id="501" r:id="rId36"/>
    <p:sldId id="484" r:id="rId37"/>
    <p:sldId id="519" r:id="rId38"/>
    <p:sldId id="511" r:id="rId39"/>
    <p:sldId id="485" r:id="rId40"/>
    <p:sldId id="495" r:id="rId41"/>
    <p:sldId id="520" r:id="rId42"/>
    <p:sldId id="496" r:id="rId43"/>
    <p:sldId id="515" r:id="rId44"/>
    <p:sldId id="474" r:id="rId45"/>
  </p:sldIdLst>
  <p:sldSz cx="12841288" cy="7223125"/>
  <p:notesSz cx="6858000" cy="9144000"/>
  <p:custDataLst>
    <p:tags r:id="rId47"/>
  </p:custDataLst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6F6F6F"/>
    <a:srgbClr val="969696"/>
    <a:srgbClr val="009051"/>
    <a:srgbClr val="00582C"/>
    <a:srgbClr val="006C3E"/>
    <a:srgbClr val="005430"/>
    <a:srgbClr val="B2B2B2"/>
    <a:srgbClr val="C2C2C2"/>
    <a:srgbClr val="FF99CC"/>
    <a:srgbClr val="009656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08"/>
    <p:restoredTop sz="84054" autoAdjust="0"/>
  </p:normalViewPr>
  <p:slideViewPr>
    <p:cSldViewPr snapToGrid="0">
      <p:cViewPr varScale="1">
        <p:scale>
          <a:sx n="85" d="100"/>
          <a:sy n="85" d="100"/>
        </p:scale>
        <p:origin x="880" y="168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sorterViewPr>
    <p:cViewPr varScale="1">
      <p:scale>
        <a:sx n="100" d="100"/>
        <a:sy n="100" d="100"/>
      </p:scale>
      <p:origin x="0" y="-9208"/>
    </p:cViewPr>
  </p:sorterViewPr>
  <p:gridSpacing cx="76200" cy="7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9" Type="http://schemas.openxmlformats.org/officeDocument/2006/relationships/slide" Target="slides/slide38.xml"/><Relationship Id="rId21" Type="http://schemas.openxmlformats.org/officeDocument/2006/relationships/slide" Target="slides/slide20.xml"/><Relationship Id="rId34" Type="http://schemas.openxmlformats.org/officeDocument/2006/relationships/slide" Target="slides/slide33.xml"/><Relationship Id="rId42" Type="http://schemas.openxmlformats.org/officeDocument/2006/relationships/slide" Target="slides/slide41.xml"/><Relationship Id="rId47" Type="http://schemas.openxmlformats.org/officeDocument/2006/relationships/tags" Target="tags/tag1.xml"/><Relationship Id="rId50" Type="http://schemas.openxmlformats.org/officeDocument/2006/relationships/theme" Target="theme/theme1.xml"/><Relationship Id="rId7" Type="http://schemas.openxmlformats.org/officeDocument/2006/relationships/slide" Target="slides/slide6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9" Type="http://schemas.openxmlformats.org/officeDocument/2006/relationships/slide" Target="slides/slide28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slide" Target="slides/slide31.xml"/><Relationship Id="rId37" Type="http://schemas.openxmlformats.org/officeDocument/2006/relationships/slide" Target="slides/slide36.xml"/><Relationship Id="rId40" Type="http://schemas.openxmlformats.org/officeDocument/2006/relationships/slide" Target="slides/slide39.xml"/><Relationship Id="rId45" Type="http://schemas.openxmlformats.org/officeDocument/2006/relationships/slide" Target="slides/slide44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slide" Target="slides/slide35.xml"/><Relationship Id="rId49" Type="http://schemas.openxmlformats.org/officeDocument/2006/relationships/viewProps" Target="viewProp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slide" Target="slides/slide30.xml"/><Relationship Id="rId44" Type="http://schemas.openxmlformats.org/officeDocument/2006/relationships/slide" Target="slides/slide43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slide" Target="slides/slide34.xml"/><Relationship Id="rId43" Type="http://schemas.openxmlformats.org/officeDocument/2006/relationships/slide" Target="slides/slide42.xml"/><Relationship Id="rId48" Type="http://schemas.openxmlformats.org/officeDocument/2006/relationships/presProps" Target="presProps.xml"/><Relationship Id="rId8" Type="http://schemas.openxmlformats.org/officeDocument/2006/relationships/slide" Target="slides/slide7.xml"/><Relationship Id="rId51" Type="http://schemas.openxmlformats.org/officeDocument/2006/relationships/tableStyles" Target="tableStyles.xml"/><Relationship Id="rId3" Type="http://schemas.openxmlformats.org/officeDocument/2006/relationships/slide" Target="slides/slide2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slide" Target="slides/slide32.xml"/><Relationship Id="rId38" Type="http://schemas.openxmlformats.org/officeDocument/2006/relationships/slide" Target="slides/slide37.xml"/><Relationship Id="rId46" Type="http://schemas.openxmlformats.org/officeDocument/2006/relationships/notesMaster" Target="notesMasters/notesMaster1.xml"/><Relationship Id="rId20" Type="http://schemas.openxmlformats.org/officeDocument/2006/relationships/slide" Target="slides/slide19.xml"/><Relationship Id="rId41" Type="http://schemas.openxmlformats.org/officeDocument/2006/relationships/slide" Target="slides/slide40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/Relationships>
</file>

<file path=ppt/charts/_rels/chart1.xml.rels><?xml version="1.0" encoding="UTF-8" standalone="yes"?>
<Relationships xmlns="http://schemas.openxmlformats.org/package/2006/relationships"><Relationship Id="rId3" Type="http://schemas.openxmlformats.org/officeDocument/2006/relationships/oleObject" Target="file:////C:\IIMA\Competitions\Kellog%20Morgan\Presentation\Kellogg%20Morgan%20Challenge%20v4.xlsx" TargetMode="External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_rels/chart2.xml.rels><?xml version="1.0" encoding="UTF-8" standalone="yes"?>
<Relationships xmlns="http://schemas.openxmlformats.org/package/2006/relationships"><Relationship Id="rId3" Type="http://schemas.openxmlformats.org/officeDocument/2006/relationships/oleObject" Target="file:////C:\IIMA\Competitions\Kellog%20Morgan\Presentation\Kellogg%20Morgan%20Challenge%20v4.xlsx" TargetMode="External"/><Relationship Id="rId2" Type="http://schemas.microsoft.com/office/2011/relationships/chartColorStyle" Target="colors2.xml"/><Relationship Id="rId1" Type="http://schemas.microsoft.com/office/2011/relationships/chartStyle" Target="style2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sz="1400" b="0" i="0" u="none" strike="noStrike" kern="1200" spc="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r>
              <a:rPr lang="en-IN"/>
              <a:t>Year-wise</a:t>
            </a:r>
            <a:r>
              <a:rPr lang="en-IN" baseline="0"/>
              <a:t> b</a:t>
            </a:r>
            <a:r>
              <a:rPr lang="en-IN"/>
              <a:t>reakup of revenue</a:t>
            </a:r>
            <a:r>
              <a:rPr lang="en-IN" baseline="0"/>
              <a:t> </a:t>
            </a:r>
            <a:endParaRPr lang="en-IN"/>
          </a:p>
        </c:rich>
      </c:tx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400" b="0" i="0" u="none" strike="noStrike" kern="1200" spc="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title>
    <c:autoTitleDeleted val="0"/>
    <c:view3D>
      <c:rotX val="15"/>
      <c:rotY val="20"/>
      <c:depthPercent val="100"/>
      <c:rAngAx val="1"/>
    </c:view3D>
    <c:floor>
      <c:thickness val="0"/>
      <c:spPr>
        <a:noFill/>
        <a:ln>
          <a:noFill/>
        </a:ln>
        <a:effectLst/>
        <a:sp3d/>
      </c:spPr>
    </c:floor>
    <c:sideWall>
      <c:thickness val="0"/>
      <c:spPr>
        <a:noFill/>
        <a:ln>
          <a:noFill/>
        </a:ln>
        <a:effectLst/>
        <a:sp3d/>
      </c:spPr>
    </c:sideWall>
    <c:backWall>
      <c:thickness val="0"/>
      <c:spPr>
        <a:noFill/>
        <a:ln>
          <a:noFill/>
        </a:ln>
        <a:effectLst/>
        <a:sp3d/>
      </c:spPr>
    </c:backWall>
    <c:plotArea>
      <c:layout/>
      <c:bar3DChart>
        <c:barDir val="col"/>
        <c:grouping val="stacked"/>
        <c:varyColors val="0"/>
        <c:ser>
          <c:idx val="0"/>
          <c:order val="0"/>
          <c:tx>
            <c:strRef>
              <c:f>'Proposal Data'!$D$56</c:f>
              <c:strCache>
                <c:ptCount val="1"/>
                <c:pt idx="0">
                  <c:v>Expenses</c:v>
                </c:pt>
              </c:strCache>
            </c:strRef>
          </c:tx>
          <c:spPr>
            <a:solidFill>
              <a:schemeClr val="accent6">
                <a:lumMod val="20000"/>
                <a:lumOff val="80000"/>
              </a:schemeClr>
            </a:solidFill>
            <a:ln>
              <a:noFill/>
            </a:ln>
            <a:effectLst/>
            <a:sp3d/>
          </c:spPr>
          <c:invertIfNegative val="0"/>
          <c:cat>
            <c:strLit>
              <c:ptCount val="10"/>
              <c:pt idx="0">
                <c:v>1</c:v>
              </c:pt>
              <c:pt idx="1">
                <c:v>2</c:v>
              </c:pt>
              <c:pt idx="2">
                <c:v>3</c:v>
              </c:pt>
              <c:pt idx="3">
                <c:v>4</c:v>
              </c:pt>
              <c:pt idx="4">
                <c:v>5</c:v>
              </c:pt>
              <c:pt idx="5">
                <c:v>6</c:v>
              </c:pt>
              <c:pt idx="6">
                <c:v>7</c:v>
              </c:pt>
              <c:pt idx="7">
                <c:v>8</c:v>
              </c:pt>
              <c:pt idx="8">
                <c:v>9</c:v>
              </c:pt>
              <c:pt idx="9">
                <c:v>10</c:v>
              </c:pt>
              <c:extLst>
                <c:ext xmlns:c15="http://schemas.microsoft.com/office/drawing/2012/chart" uri="{02D57815-91ED-43cb-92C2-25804820EDAC}">
                  <c15:autoCat val="1"/>
                </c:ext>
              </c:extLst>
            </c:strLit>
          </c:cat>
          <c:val>
            <c:numRef>
              <c:f>'Proposal Data'!$E$56:$X$56</c:f>
              <c:numCache>
                <c:formatCode>#,##0</c:formatCode>
                <c:ptCount val="10"/>
                <c:pt idx="0">
                  <c:v>89749.67212179894</c:v>
                </c:pt>
                <c:pt idx="1">
                  <c:v>72843.18868677647</c:v>
                </c:pt>
                <c:pt idx="2">
                  <c:v>77188.454193103098</c:v>
                </c:pt>
                <c:pt idx="3">
                  <c:v>82954.077785431058</c:v>
                </c:pt>
                <c:pt idx="4">
                  <c:v>89610.570988189167</c:v>
                </c:pt>
                <c:pt idx="5">
                  <c:v>97295.585635576994</c:v>
                </c:pt>
                <c:pt idx="6">
                  <c:v>106168.04269841814</c:v>
                </c:pt>
                <c:pt idx="7">
                  <c:v>116411.4186637089</c:v>
                </c:pt>
                <c:pt idx="8">
                  <c:v>128237.53970584291</c:v>
                </c:pt>
                <c:pt idx="9">
                  <c:v>141890.96211043934</c:v>
                </c:pt>
              </c:numCache>
              <c:extLst/>
            </c:numRef>
          </c:val>
          <c:extLst xmlns:c15="http://schemas.microsoft.com/office/drawing/2012/chart">
            <c:ext xmlns:c16="http://schemas.microsoft.com/office/drawing/2014/chart" uri="{C3380CC4-5D6E-409C-BE32-E72D297353CC}">
              <c16:uniqueId val="{00000000-4824-44DD-BFA9-E38A643952EC}"/>
            </c:ext>
          </c:extLst>
        </c:ser>
        <c:ser>
          <c:idx val="1"/>
          <c:order val="1"/>
          <c:tx>
            <c:strRef>
              <c:f>'Proposal Data'!$D$57</c:f>
              <c:strCache>
                <c:ptCount val="1"/>
                <c:pt idx="0">
                  <c:v>Farmer Income</c:v>
                </c:pt>
              </c:strCache>
            </c:strRef>
          </c:tx>
          <c:spPr>
            <a:solidFill>
              <a:schemeClr val="accent6">
                <a:lumMod val="40000"/>
                <a:lumOff val="60000"/>
              </a:schemeClr>
            </a:solidFill>
            <a:ln>
              <a:noFill/>
            </a:ln>
            <a:effectLst/>
            <a:sp3d/>
          </c:spPr>
          <c:invertIfNegative val="0"/>
          <c:cat>
            <c:strLit>
              <c:ptCount val="10"/>
              <c:pt idx="0">
                <c:v>1</c:v>
              </c:pt>
              <c:pt idx="1">
                <c:v>2</c:v>
              </c:pt>
              <c:pt idx="2">
                <c:v>3</c:v>
              </c:pt>
              <c:pt idx="3">
                <c:v>4</c:v>
              </c:pt>
              <c:pt idx="4">
                <c:v>5</c:v>
              </c:pt>
              <c:pt idx="5">
                <c:v>6</c:v>
              </c:pt>
              <c:pt idx="6">
                <c:v>7</c:v>
              </c:pt>
              <c:pt idx="7">
                <c:v>8</c:v>
              </c:pt>
              <c:pt idx="8">
                <c:v>9</c:v>
              </c:pt>
              <c:pt idx="9">
                <c:v>10</c:v>
              </c:pt>
              <c:extLst>
                <c:ext xmlns:c15="http://schemas.microsoft.com/office/drawing/2012/chart" uri="{02D57815-91ED-43cb-92C2-25804820EDAC}">
                  <c15:autoCat val="1"/>
                </c:ext>
              </c:extLst>
            </c:strLit>
          </c:cat>
          <c:val>
            <c:numRef>
              <c:f>'Proposal Data'!$E$57:$X$57</c:f>
              <c:numCache>
                <c:formatCode>#,##0</c:formatCode>
                <c:ptCount val="10"/>
                <c:pt idx="0">
                  <c:v>0</c:v>
                </c:pt>
                <c:pt idx="1">
                  <c:v>114307.39436619719</c:v>
                </c:pt>
                <c:pt idx="2">
                  <c:v>169257.04365199301</c:v>
                </c:pt>
                <c:pt idx="3">
                  <c:v>181899.76871040993</c:v>
                </c:pt>
                <c:pt idx="4">
                  <c:v>196495.97189087336</c:v>
                </c:pt>
                <c:pt idx="5">
                  <c:v>213347.49292775078</c:v>
                </c:pt>
                <c:pt idx="6">
                  <c:v>232802.81002256984</c:v>
                </c:pt>
                <c:pt idx="7">
                  <c:v>255264.24614051075</c:v>
                </c:pt>
                <c:pt idx="8">
                  <c:v>281196.28878065321</c:v>
                </c:pt>
                <c:pt idx="9">
                  <c:v>311135.19526727073</c:v>
                </c:pt>
              </c:numCache>
              <c:extLst/>
            </c:numRef>
          </c:val>
          <c:extLst xmlns:c15="http://schemas.microsoft.com/office/drawing/2012/chart">
            <c:ext xmlns:c16="http://schemas.microsoft.com/office/drawing/2014/chart" uri="{C3380CC4-5D6E-409C-BE32-E72D297353CC}">
              <c16:uniqueId val="{00000001-4824-44DD-BFA9-E38A643952EC}"/>
            </c:ext>
          </c:extLst>
        </c:ser>
        <c:ser>
          <c:idx val="2"/>
          <c:order val="2"/>
          <c:tx>
            <c:strRef>
              <c:f>'Proposal Data'!$D$58</c:f>
              <c:strCache>
                <c:ptCount val="1"/>
                <c:pt idx="0">
                  <c:v>Investor Returns</c:v>
                </c:pt>
              </c:strCache>
            </c:strRef>
          </c:tx>
          <c:spPr>
            <a:solidFill>
              <a:srgbClr val="009051"/>
            </a:solidFill>
            <a:ln>
              <a:noFill/>
            </a:ln>
            <a:effectLst/>
            <a:sp3d/>
          </c:spPr>
          <c:invertIfNegative val="0"/>
          <c:cat>
            <c:strLit>
              <c:ptCount val="10"/>
              <c:pt idx="0">
                <c:v>1</c:v>
              </c:pt>
              <c:pt idx="1">
                <c:v>2</c:v>
              </c:pt>
              <c:pt idx="2">
                <c:v>3</c:v>
              </c:pt>
              <c:pt idx="3">
                <c:v>4</c:v>
              </c:pt>
              <c:pt idx="4">
                <c:v>5</c:v>
              </c:pt>
              <c:pt idx="5">
                <c:v>6</c:v>
              </c:pt>
              <c:pt idx="6">
                <c:v>7</c:v>
              </c:pt>
              <c:pt idx="7">
                <c:v>8</c:v>
              </c:pt>
              <c:pt idx="8">
                <c:v>9</c:v>
              </c:pt>
              <c:pt idx="9">
                <c:v>10</c:v>
              </c:pt>
              <c:extLst>
                <c:ext xmlns:c15="http://schemas.microsoft.com/office/drawing/2012/chart" uri="{02D57815-91ED-43cb-92C2-25804820EDAC}">
                  <c15:autoCat val="1"/>
                </c:ext>
              </c:extLst>
            </c:strLit>
          </c:cat>
          <c:val>
            <c:numRef>
              <c:f>'Proposal Data'!$E$58:$X$58</c:f>
              <c:numCache>
                <c:formatCode>#,##0</c:formatCode>
                <c:ptCount val="10"/>
                <c:pt idx="0">
                  <c:v>0</c:v>
                </c:pt>
                <c:pt idx="1">
                  <c:v>123943.661971831</c:v>
                </c:pt>
                <c:pt idx="2">
                  <c:v>123943.661971831</c:v>
                </c:pt>
                <c:pt idx="3">
                  <c:v>123943.661971831</c:v>
                </c:pt>
                <c:pt idx="4">
                  <c:v>123943.661971831</c:v>
                </c:pt>
                <c:pt idx="5">
                  <c:v>123943.661971831</c:v>
                </c:pt>
                <c:pt idx="6">
                  <c:v>123943.661971831</c:v>
                </c:pt>
                <c:pt idx="7">
                  <c:v>123943.661971831</c:v>
                </c:pt>
                <c:pt idx="8">
                  <c:v>123943.661971831</c:v>
                </c:pt>
                <c:pt idx="9">
                  <c:v>123943.661971831</c:v>
                </c:pt>
              </c:numCache>
              <c:extLst/>
            </c:numRef>
          </c:val>
          <c:extLst>
            <c:ext xmlns:c16="http://schemas.microsoft.com/office/drawing/2014/chart" uri="{C3380CC4-5D6E-409C-BE32-E72D297353CC}">
              <c16:uniqueId val="{00000002-4824-44DD-BFA9-E38A643952EC}"/>
            </c:ext>
          </c:extLst>
        </c:ser>
        <c:ser>
          <c:idx val="3"/>
          <c:order val="3"/>
          <c:tx>
            <c:strRef>
              <c:f>'Proposal Data'!$D$59</c:f>
              <c:strCache>
                <c:ptCount val="1"/>
                <c:pt idx="0">
                  <c:v>Business Surplus</c:v>
                </c:pt>
              </c:strCache>
            </c:strRef>
          </c:tx>
          <c:spPr>
            <a:solidFill>
              <a:schemeClr val="accent6">
                <a:lumMod val="60000"/>
                <a:lumOff val="40000"/>
              </a:schemeClr>
            </a:solidFill>
            <a:ln>
              <a:noFill/>
            </a:ln>
            <a:effectLst/>
            <a:sp3d/>
          </c:spPr>
          <c:invertIfNegative val="0"/>
          <c:cat>
            <c:strLit>
              <c:ptCount val="10"/>
              <c:pt idx="0">
                <c:v>1</c:v>
              </c:pt>
              <c:pt idx="1">
                <c:v>2</c:v>
              </c:pt>
              <c:pt idx="2">
                <c:v>3</c:v>
              </c:pt>
              <c:pt idx="3">
                <c:v>4</c:v>
              </c:pt>
              <c:pt idx="4">
                <c:v>5</c:v>
              </c:pt>
              <c:pt idx="5">
                <c:v>6</c:v>
              </c:pt>
              <c:pt idx="6">
                <c:v>7</c:v>
              </c:pt>
              <c:pt idx="7">
                <c:v>8</c:v>
              </c:pt>
              <c:pt idx="8">
                <c:v>9</c:v>
              </c:pt>
              <c:pt idx="9">
                <c:v>10</c:v>
              </c:pt>
              <c:extLst>
                <c:ext xmlns:c15="http://schemas.microsoft.com/office/drawing/2012/chart" uri="{02D57815-91ED-43cb-92C2-25804820EDAC}">
                  <c15:autoCat val="1"/>
                </c:ext>
              </c:extLst>
            </c:strLit>
          </c:cat>
          <c:val>
            <c:numRef>
              <c:f>'Proposal Data'!$E$59:$X$59</c:f>
              <c:numCache>
                <c:formatCode>#,##0</c:formatCode>
                <c:ptCount val="10"/>
                <c:pt idx="0">
                  <c:v>-59641.899982893308</c:v>
                </c:pt>
                <c:pt idx="1">
                  <c:v>1.2830017285395255E-2</c:v>
                </c:pt>
                <c:pt idx="2">
                  <c:v>38347.457576305409</c:v>
                </c:pt>
                <c:pt idx="3">
                  <c:v>50469.860045347879</c:v>
                </c:pt>
                <c:pt idx="4">
                  <c:v>64465.343507649312</c:v>
                </c:pt>
                <c:pt idx="5">
                  <c:v>80623.325214968325</c:v>
                </c:pt>
                <c:pt idx="6">
                  <c:v>99277.941438646099</c:v>
                </c:pt>
                <c:pt idx="7">
                  <c:v>120814.95718455853</c:v>
                </c:pt>
                <c:pt idx="8">
                  <c:v>145679.74355582384</c:v>
                </c:pt>
                <c:pt idx="9">
                  <c:v>174386.48772979301</c:v>
                </c:pt>
              </c:numCache>
              <c:extLst/>
            </c:numRef>
          </c:val>
          <c:extLst>
            <c:ext xmlns:c16="http://schemas.microsoft.com/office/drawing/2014/chart" uri="{C3380CC4-5D6E-409C-BE32-E72D297353CC}">
              <c16:uniqueId val="{00000003-4824-44DD-BFA9-E38A643952EC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shape val="box"/>
        <c:axId val="615139423"/>
        <c:axId val="1007702399"/>
        <c:axId val="0"/>
        <c:extLst/>
      </c:bar3DChart>
      <c:catAx>
        <c:axId val="615139423"/>
        <c:scaling>
          <c:orientation val="minMax"/>
        </c:scaling>
        <c:delete val="0"/>
        <c:axPos val="b"/>
        <c:title>
          <c:tx>
            <c:rich>
              <a:bodyPr rot="0" spcFirstLastPara="1" vertOverflow="ellipsis" vert="horz" wrap="square" anchor="ctr" anchorCtr="1"/>
              <a:lstStyle/>
              <a:p>
                <a:pPr>
                  <a:defRPr sz="1000" b="0" i="0" u="none" strike="noStrike" kern="1200" baseline="0">
                    <a:solidFill>
                      <a:schemeClr val="tx1">
                        <a:lumMod val="65000"/>
                        <a:lumOff val="3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r>
                  <a:rPr lang="en-US"/>
                  <a:t>Time (in years)</a:t>
                </a:r>
              </a:p>
            </c:rich>
          </c:tx>
          <c:overlay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anchor="ctr" anchorCtr="1"/>
            <a:lstStyle/>
            <a:p>
              <a:pPr>
                <a:defRPr sz="1000" b="0" i="0" u="none" strike="noStrike" kern="1200" baseline="0">
                  <a:solidFill>
                    <a:schemeClr val="tx1">
                      <a:lumMod val="65000"/>
                      <a:lumOff val="3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</c:title>
        <c:numFmt formatCode="General" sourceLinked="0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1007702399"/>
        <c:crosses val="autoZero"/>
        <c:auto val="1"/>
        <c:lblAlgn val="ctr"/>
        <c:lblOffset val="100"/>
        <c:noMultiLvlLbl val="0"/>
      </c:catAx>
      <c:valAx>
        <c:axId val="1007702399"/>
        <c:scaling>
          <c:orientation val="minMax"/>
        </c:scaling>
        <c:delete val="0"/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title>
          <c:tx>
            <c:rich>
              <a:bodyPr rot="-5400000" spcFirstLastPara="1" vertOverflow="ellipsis" vert="horz" wrap="square" anchor="ctr" anchorCtr="1"/>
              <a:lstStyle/>
              <a:p>
                <a:pPr>
                  <a:defRPr sz="1000" b="0" i="0" u="none" strike="noStrike" kern="1200" baseline="0">
                    <a:solidFill>
                      <a:schemeClr val="tx1">
                        <a:lumMod val="65000"/>
                        <a:lumOff val="3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r>
                  <a:rPr lang="en-IN"/>
                  <a:t>in US Thousands Dollars</a:t>
                </a:r>
                <a:r>
                  <a:rPr lang="en-IN" baseline="0"/>
                  <a:t> </a:t>
                </a:r>
              </a:p>
              <a:p>
                <a:pPr>
                  <a:defRPr/>
                </a:pPr>
                <a:r>
                  <a:rPr lang="en-IN" baseline="0"/>
                  <a:t>(for Pilot Phase)</a:t>
                </a:r>
                <a:endParaRPr lang="en-IN"/>
              </a:p>
            </c:rich>
          </c:tx>
          <c:overlay val="0"/>
          <c:spPr>
            <a:noFill/>
            <a:ln>
              <a:noFill/>
            </a:ln>
            <a:effectLst/>
          </c:spPr>
          <c:txPr>
            <a:bodyPr rot="-5400000" spcFirstLastPara="1" vertOverflow="ellipsis" vert="horz" wrap="square" anchor="ctr" anchorCtr="1"/>
            <a:lstStyle/>
            <a:p>
              <a:pPr>
                <a:defRPr sz="1000" b="0" i="0" u="none" strike="noStrike" kern="1200" baseline="0">
                  <a:solidFill>
                    <a:schemeClr val="tx1">
                      <a:lumMod val="65000"/>
                      <a:lumOff val="3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</c:title>
        <c:numFmt formatCode="#,##0" sourceLinked="1"/>
        <c:majorTickMark val="none"/>
        <c:minorTickMark val="none"/>
        <c:tickLblPos val="nextTo"/>
        <c:spPr>
          <a:noFill/>
          <a:ln>
            <a:noFill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615139423"/>
        <c:crosses val="autoZero"/>
        <c:crossBetween val="between"/>
        <c:dispUnits>
          <c:builtInUnit val="thousands"/>
        </c:dispUnits>
      </c:valAx>
      <c:spPr>
        <a:noFill/>
        <a:ln>
          <a:noFill/>
        </a:ln>
        <a:effectLst/>
      </c:spPr>
    </c:plotArea>
    <c:legend>
      <c:legendPos val="b"/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05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>
      <a:noFill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 rot="0" spcFirstLastPara="1" vertOverflow="ellipsis" vert="horz" wrap="square" anchor="ctr" anchorCtr="1"/>
          <a:lstStyle/>
          <a:p>
            <a:pPr>
              <a:defRPr sz="1400" b="0" i="0" u="none" strike="noStrike" kern="1200" spc="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r>
              <a:rPr lang="en-IN"/>
              <a:t>IRR sensitivity with change</a:t>
            </a:r>
            <a:r>
              <a:rPr lang="en-IN" baseline="0"/>
              <a:t> in land acquisition price</a:t>
            </a:r>
            <a:endParaRPr lang="en-IN"/>
          </a:p>
        </c:rich>
      </c:tx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1400" b="0" i="0" u="none" strike="noStrike" kern="1200" spc="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title>
    <c:autoTitleDeleted val="0"/>
    <c:plotArea>
      <c:layout/>
      <c:scatterChart>
        <c:scatterStyle val="smoothMarker"/>
        <c:varyColors val="0"/>
        <c:ser>
          <c:idx val="11"/>
          <c:order val="0"/>
          <c:tx>
            <c:v>$10,000/acre</c:v>
          </c:tx>
          <c:spPr>
            <a:ln w="19050" cap="rnd">
              <a:solidFill>
                <a:schemeClr val="accent6">
                  <a:lumMod val="75000"/>
                </a:schemeClr>
              </a:solidFill>
              <a:round/>
            </a:ln>
            <a:effectLst/>
          </c:spPr>
          <c:marker>
            <c:symbol val="none"/>
          </c:marker>
          <c:xVal>
            <c:numRef>
              <c:f>'Assumptions and results'!$E$37:$W$37</c:f>
              <c:numCache>
                <c:formatCode>General</c:formatCode>
                <c:ptCount val="19"/>
                <c:pt idx="0">
                  <c:v>2</c:v>
                </c:pt>
                <c:pt idx="1">
                  <c:v>3</c:v>
                </c:pt>
                <c:pt idx="2">
                  <c:v>4</c:v>
                </c:pt>
                <c:pt idx="3">
                  <c:v>5</c:v>
                </c:pt>
                <c:pt idx="4">
                  <c:v>6</c:v>
                </c:pt>
                <c:pt idx="5">
                  <c:v>7</c:v>
                </c:pt>
                <c:pt idx="6">
                  <c:v>8</c:v>
                </c:pt>
                <c:pt idx="7">
                  <c:v>9</c:v>
                </c:pt>
                <c:pt idx="8">
                  <c:v>10</c:v>
                </c:pt>
                <c:pt idx="9">
                  <c:v>11</c:v>
                </c:pt>
                <c:pt idx="10">
                  <c:v>12</c:v>
                </c:pt>
                <c:pt idx="11">
                  <c:v>13</c:v>
                </c:pt>
                <c:pt idx="12">
                  <c:v>14</c:v>
                </c:pt>
                <c:pt idx="13">
                  <c:v>15</c:v>
                </c:pt>
                <c:pt idx="14">
                  <c:v>16</c:v>
                </c:pt>
                <c:pt idx="15">
                  <c:v>17</c:v>
                </c:pt>
                <c:pt idx="16">
                  <c:v>18</c:v>
                </c:pt>
                <c:pt idx="17">
                  <c:v>19</c:v>
                </c:pt>
                <c:pt idx="18">
                  <c:v>20</c:v>
                </c:pt>
              </c:numCache>
            </c:numRef>
          </c:xVal>
          <c:yVal>
            <c:numRef>
              <c:f>'Assumptions and results'!$E$39:$W$39</c:f>
              <c:numCache>
                <c:formatCode>0%</c:formatCode>
                <c:ptCount val="19"/>
                <c:pt idx="0">
                  <c:v>3.8460866360061893E-2</c:v>
                </c:pt>
                <c:pt idx="1">
                  <c:v>9.8794427052571729E-2</c:v>
                </c:pt>
                <c:pt idx="2">
                  <c:v>0.13270988486212171</c:v>
                </c:pt>
                <c:pt idx="3">
                  <c:v>0.15534228963938296</c:v>
                </c:pt>
                <c:pt idx="4">
                  <c:v>0.17202438061003361</c:v>
                </c:pt>
                <c:pt idx="5">
                  <c:v>0.18511416831664146</c:v>
                </c:pt>
                <c:pt idx="6">
                  <c:v>0.19581786148510089</c:v>
                </c:pt>
                <c:pt idx="7">
                  <c:v>0.20482061313321903</c:v>
                </c:pt>
                <c:pt idx="8">
                  <c:v>0.21254455056418625</c:v>
                </c:pt>
                <c:pt idx="9">
                  <c:v>0.2192675269854138</c:v>
                </c:pt>
                <c:pt idx="10">
                  <c:v>0.22518277980621443</c:v>
                </c:pt>
                <c:pt idx="11">
                  <c:v>0.23043102198038329</c:v>
                </c:pt>
                <c:pt idx="12">
                  <c:v>0.2351186957788502</c:v>
                </c:pt>
                <c:pt idx="13">
                  <c:v>0.23932886369147605</c:v>
                </c:pt>
                <c:pt idx="14">
                  <c:v>0.24312798941160846</c:v>
                </c:pt>
                <c:pt idx="15">
                  <c:v>0.24657032906833448</c:v>
                </c:pt>
                <c:pt idx="16">
                  <c:v>0.24970088160866027</c:v>
                </c:pt>
                <c:pt idx="17">
                  <c:v>0.25255744088820004</c:v>
                </c:pt>
                <c:pt idx="18">
                  <c:v>0.25517206960600264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0-8C16-4B15-B04A-6E7D04131EA8}"/>
            </c:ext>
          </c:extLst>
        </c:ser>
        <c:ser>
          <c:idx val="0"/>
          <c:order val="1"/>
          <c:tx>
            <c:v>$12,000/acre</c:v>
          </c:tx>
          <c:spPr>
            <a:ln w="19050" cap="rnd">
              <a:solidFill>
                <a:schemeClr val="accent6">
                  <a:lumMod val="60000"/>
                  <a:lumOff val="40000"/>
                </a:schemeClr>
              </a:solidFill>
              <a:round/>
            </a:ln>
            <a:effectLst/>
          </c:spPr>
          <c:marker>
            <c:symbol val="none"/>
          </c:marker>
          <c:xVal>
            <c:numRef>
              <c:f>'Assumptions and results'!$E$37:$W$37</c:f>
              <c:numCache>
                <c:formatCode>General</c:formatCode>
                <c:ptCount val="19"/>
                <c:pt idx="0">
                  <c:v>2</c:v>
                </c:pt>
                <c:pt idx="1">
                  <c:v>3</c:v>
                </c:pt>
                <c:pt idx="2">
                  <c:v>4</c:v>
                </c:pt>
                <c:pt idx="3">
                  <c:v>5</c:v>
                </c:pt>
                <c:pt idx="4">
                  <c:v>6</c:v>
                </c:pt>
                <c:pt idx="5">
                  <c:v>7</c:v>
                </c:pt>
                <c:pt idx="6">
                  <c:v>8</c:v>
                </c:pt>
                <c:pt idx="7">
                  <c:v>9</c:v>
                </c:pt>
                <c:pt idx="8">
                  <c:v>10</c:v>
                </c:pt>
                <c:pt idx="9">
                  <c:v>11</c:v>
                </c:pt>
                <c:pt idx="10">
                  <c:v>12</c:v>
                </c:pt>
                <c:pt idx="11">
                  <c:v>13</c:v>
                </c:pt>
                <c:pt idx="12">
                  <c:v>14</c:v>
                </c:pt>
                <c:pt idx="13">
                  <c:v>15</c:v>
                </c:pt>
                <c:pt idx="14">
                  <c:v>16</c:v>
                </c:pt>
                <c:pt idx="15">
                  <c:v>17</c:v>
                </c:pt>
                <c:pt idx="16">
                  <c:v>18</c:v>
                </c:pt>
                <c:pt idx="17">
                  <c:v>19</c:v>
                </c:pt>
                <c:pt idx="18">
                  <c:v>20</c:v>
                </c:pt>
              </c:numCache>
            </c:numRef>
          </c:xVal>
          <c:yVal>
            <c:numRef>
              <c:f>'Assumptions and results'!$E$41:$W$41</c:f>
              <c:numCache>
                <c:formatCode>0%</c:formatCode>
                <c:ptCount val="19"/>
                <c:pt idx="0">
                  <c:v>3.3548276352295556E-2</c:v>
                </c:pt>
                <c:pt idx="1">
                  <c:v>8.223900690483392E-2</c:v>
                </c:pt>
                <c:pt idx="2">
                  <c:v>0.10928317522446311</c:v>
                </c:pt>
                <c:pt idx="3">
                  <c:v>0.12723764819066957</c:v>
                </c:pt>
                <c:pt idx="4">
                  <c:v>0.14047748318682868</c:v>
                </c:pt>
                <c:pt idx="5">
                  <c:v>0.15092021147254625</c:v>
                </c:pt>
                <c:pt idx="6">
                  <c:v>0.15953648907188994</c:v>
                </c:pt>
                <c:pt idx="7">
                  <c:v>0.16686985231469981</c:v>
                </c:pt>
                <c:pt idx="8">
                  <c:v>0.17324892276652165</c:v>
                </c:pt>
                <c:pt idx="9">
                  <c:v>0.17888512689417974</c:v>
                </c:pt>
                <c:pt idx="10">
                  <c:v>0.18392188333609755</c:v>
                </c:pt>
                <c:pt idx="11">
                  <c:v>0.18846110248575115</c:v>
                </c:pt>
                <c:pt idx="12">
                  <c:v>0.19257824424294306</c:v>
                </c:pt>
                <c:pt idx="13">
                  <c:v>0.19633124924424922</c:v>
                </c:pt>
                <c:pt idx="14">
                  <c:v>0.19976602894675927</c:v>
                </c:pt>
                <c:pt idx="15">
                  <c:v>0.20291994684854425</c:v>
                </c:pt>
                <c:pt idx="16">
                  <c:v>0.20582408933803115</c:v>
                </c:pt>
                <c:pt idx="17">
                  <c:v>0.20850478770002118</c:v>
                </c:pt>
                <c:pt idx="18">
                  <c:v>0.21098466603374527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1-8C16-4B15-B04A-6E7D04131EA8}"/>
            </c:ext>
          </c:extLst>
        </c:ser>
        <c:ser>
          <c:idx val="1"/>
          <c:order val="2"/>
          <c:tx>
            <c:v>$14,000/acre (Base Case)</c:v>
          </c:tx>
          <c:spPr>
            <a:ln w="19050" cap="rnd">
              <a:solidFill>
                <a:srgbClr val="009051"/>
              </a:solidFill>
              <a:round/>
            </a:ln>
            <a:effectLst/>
          </c:spPr>
          <c:marker>
            <c:symbol val="none"/>
          </c:marker>
          <c:xVal>
            <c:numRef>
              <c:f>'Assumptions and results'!$E$37:$W$37</c:f>
              <c:numCache>
                <c:formatCode>General</c:formatCode>
                <c:ptCount val="19"/>
                <c:pt idx="0">
                  <c:v>2</c:v>
                </c:pt>
                <c:pt idx="1">
                  <c:v>3</c:v>
                </c:pt>
                <c:pt idx="2">
                  <c:v>4</c:v>
                </c:pt>
                <c:pt idx="3">
                  <c:v>5</c:v>
                </c:pt>
                <c:pt idx="4">
                  <c:v>6</c:v>
                </c:pt>
                <c:pt idx="5">
                  <c:v>7</c:v>
                </c:pt>
                <c:pt idx="6">
                  <c:v>8</c:v>
                </c:pt>
                <c:pt idx="7">
                  <c:v>9</c:v>
                </c:pt>
                <c:pt idx="8">
                  <c:v>10</c:v>
                </c:pt>
                <c:pt idx="9">
                  <c:v>11</c:v>
                </c:pt>
                <c:pt idx="10">
                  <c:v>12</c:v>
                </c:pt>
                <c:pt idx="11">
                  <c:v>13</c:v>
                </c:pt>
                <c:pt idx="12">
                  <c:v>14</c:v>
                </c:pt>
                <c:pt idx="13">
                  <c:v>15</c:v>
                </c:pt>
                <c:pt idx="14">
                  <c:v>16</c:v>
                </c:pt>
                <c:pt idx="15">
                  <c:v>17</c:v>
                </c:pt>
                <c:pt idx="16">
                  <c:v>18</c:v>
                </c:pt>
                <c:pt idx="17">
                  <c:v>19</c:v>
                </c:pt>
                <c:pt idx="18">
                  <c:v>20</c:v>
                </c:pt>
              </c:numCache>
            </c:numRef>
          </c:xVal>
          <c:yVal>
            <c:numRef>
              <c:f>'Assumptions and results'!$E$43:$W$43</c:f>
              <c:numCache>
                <c:formatCode>0%</c:formatCode>
                <c:ptCount val="19"/>
                <c:pt idx="0">
                  <c:v>2.9894614667729399E-2</c:v>
                </c:pt>
                <c:pt idx="1">
                  <c:v>7.0142223301732406E-2</c:v>
                </c:pt>
                <c:pt idx="2">
                  <c:v>9.2219675003709131E-2</c:v>
                </c:pt>
                <c:pt idx="3">
                  <c:v>0.10675921781863666</c:v>
                </c:pt>
                <c:pt idx="4">
                  <c:v>0.11743900931614253</c:v>
                </c:pt>
                <c:pt idx="5">
                  <c:v>0.12586409770697043</c:v>
                </c:pt>
                <c:pt idx="6">
                  <c:v>0.13284330040920772</c:v>
                </c:pt>
                <c:pt idx="7">
                  <c:v>0.13882647049669722</c:v>
                </c:pt>
                <c:pt idx="8">
                  <c:v>0.14408264545627619</c:v>
                </c:pt>
                <c:pt idx="9">
                  <c:v>0.14878210737220637</c:v>
                </c:pt>
                <c:pt idx="10">
                  <c:v>0.1530378035722923</c:v>
                </c:pt>
                <c:pt idx="11">
                  <c:v>0.15692777856805046</c:v>
                </c:pt>
                <c:pt idx="12">
                  <c:v>0.16050801050892555</c:v>
                </c:pt>
                <c:pt idx="13">
                  <c:v>0.16382008330660075</c:v>
                </c:pt>
                <c:pt idx="14">
                  <c:v>0.16689593301965616</c:v>
                </c:pt>
                <c:pt idx="15">
                  <c:v>0.16976086597299472</c:v>
                </c:pt>
                <c:pt idx="16">
                  <c:v>0.17243552080713748</c:v>
                </c:pt>
                <c:pt idx="17">
                  <c:v>0.17493716745065208</c:v>
                </c:pt>
                <c:pt idx="18">
                  <c:v>0.17728058072680425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2-8C16-4B15-B04A-6E7D04131EA8}"/>
            </c:ext>
          </c:extLst>
        </c:ser>
        <c:ser>
          <c:idx val="2"/>
          <c:order val="3"/>
          <c:tx>
            <c:v>$16,000/acre</c:v>
          </c:tx>
          <c:spPr>
            <a:ln w="19050" cap="rnd">
              <a:solidFill>
                <a:schemeClr val="accent6">
                  <a:lumMod val="40000"/>
                  <a:lumOff val="60000"/>
                </a:schemeClr>
              </a:solidFill>
              <a:round/>
            </a:ln>
            <a:effectLst/>
          </c:spPr>
          <c:marker>
            <c:symbol val="none"/>
          </c:marker>
          <c:xVal>
            <c:numRef>
              <c:f>'Assumptions and results'!$E$37:$W$37</c:f>
              <c:numCache>
                <c:formatCode>General</c:formatCode>
                <c:ptCount val="19"/>
                <c:pt idx="0">
                  <c:v>2</c:v>
                </c:pt>
                <c:pt idx="1">
                  <c:v>3</c:v>
                </c:pt>
                <c:pt idx="2">
                  <c:v>4</c:v>
                </c:pt>
                <c:pt idx="3">
                  <c:v>5</c:v>
                </c:pt>
                <c:pt idx="4">
                  <c:v>6</c:v>
                </c:pt>
                <c:pt idx="5">
                  <c:v>7</c:v>
                </c:pt>
                <c:pt idx="6">
                  <c:v>8</c:v>
                </c:pt>
                <c:pt idx="7">
                  <c:v>9</c:v>
                </c:pt>
                <c:pt idx="8">
                  <c:v>10</c:v>
                </c:pt>
                <c:pt idx="9">
                  <c:v>11</c:v>
                </c:pt>
                <c:pt idx="10">
                  <c:v>12</c:v>
                </c:pt>
                <c:pt idx="11">
                  <c:v>13</c:v>
                </c:pt>
                <c:pt idx="12">
                  <c:v>14</c:v>
                </c:pt>
                <c:pt idx="13">
                  <c:v>15</c:v>
                </c:pt>
                <c:pt idx="14">
                  <c:v>16</c:v>
                </c:pt>
                <c:pt idx="15">
                  <c:v>17</c:v>
                </c:pt>
                <c:pt idx="16">
                  <c:v>18</c:v>
                </c:pt>
                <c:pt idx="17">
                  <c:v>19</c:v>
                </c:pt>
                <c:pt idx="18">
                  <c:v>20</c:v>
                </c:pt>
              </c:numCache>
            </c:numRef>
          </c:xVal>
          <c:yVal>
            <c:numRef>
              <c:f>'Assumptions and results'!$E$45:$W$45</c:f>
              <c:numCache>
                <c:formatCode>0%</c:formatCode>
                <c:ptCount val="19"/>
                <c:pt idx="0">
                  <c:v>3.4971661247812966E-2</c:v>
                </c:pt>
                <c:pt idx="1">
                  <c:v>6.5651580006226992E-2</c:v>
                </c:pt>
                <c:pt idx="2">
                  <c:v>8.1359198444895517E-2</c:v>
                </c:pt>
                <c:pt idx="3">
                  <c:v>9.2104532897226019E-2</c:v>
                </c:pt>
                <c:pt idx="4">
                  <c:v>0.10069408613457546</c:v>
                </c:pt>
                <c:pt idx="5">
                  <c:v>0.10744114669044429</c:v>
                </c:pt>
                <c:pt idx="6">
                  <c:v>0.11302526352437885</c:v>
                </c:pt>
                <c:pt idx="7">
                  <c:v>0.11782394059446115</c:v>
                </c:pt>
                <c:pt idx="8">
                  <c:v>0.12206231411913142</c:v>
                </c:pt>
                <c:pt idx="9">
                  <c:v>0.1258820049316593</c:v>
                </c:pt>
                <c:pt idx="10">
                  <c:v>0.12937588523283122</c:v>
                </c:pt>
                <c:pt idx="11">
                  <c:v>0.13260695799017846</c:v>
                </c:pt>
                <c:pt idx="12">
                  <c:v>0.13561922224050255</c:v>
                </c:pt>
                <c:pt idx="13">
                  <c:v>0.13844422689915586</c:v>
                </c:pt>
                <c:pt idx="14">
                  <c:v>0.14110517709313858</c:v>
                </c:pt>
                <c:pt idx="15">
                  <c:v>0.14361958663665869</c:v>
                </c:pt>
                <c:pt idx="16">
                  <c:v>0.14600103295039907</c:v>
                </c:pt>
                <c:pt idx="17">
                  <c:v>0.14826033954757517</c:v>
                </c:pt>
                <c:pt idx="18">
                  <c:v>0.15040638345365615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3-8C16-4B15-B04A-6E7D04131EA8}"/>
            </c:ext>
          </c:extLst>
        </c:ser>
        <c:ser>
          <c:idx val="3"/>
          <c:order val="4"/>
          <c:tx>
            <c:v>$18,000/acre</c:v>
          </c:tx>
          <c:spPr>
            <a:ln w="19050" cap="rnd">
              <a:solidFill>
                <a:schemeClr val="accent6">
                  <a:lumMod val="20000"/>
                  <a:lumOff val="80000"/>
                </a:schemeClr>
              </a:solidFill>
              <a:round/>
            </a:ln>
            <a:effectLst/>
          </c:spPr>
          <c:marker>
            <c:symbol val="none"/>
          </c:marker>
          <c:xVal>
            <c:numRef>
              <c:f>'Assumptions and results'!$E$37:$W$37</c:f>
              <c:numCache>
                <c:formatCode>General</c:formatCode>
                <c:ptCount val="19"/>
                <c:pt idx="0">
                  <c:v>2</c:v>
                </c:pt>
                <c:pt idx="1">
                  <c:v>3</c:v>
                </c:pt>
                <c:pt idx="2">
                  <c:v>4</c:v>
                </c:pt>
                <c:pt idx="3">
                  <c:v>5</c:v>
                </c:pt>
                <c:pt idx="4">
                  <c:v>6</c:v>
                </c:pt>
                <c:pt idx="5">
                  <c:v>7</c:v>
                </c:pt>
                <c:pt idx="6">
                  <c:v>8</c:v>
                </c:pt>
                <c:pt idx="7">
                  <c:v>9</c:v>
                </c:pt>
                <c:pt idx="8">
                  <c:v>10</c:v>
                </c:pt>
                <c:pt idx="9">
                  <c:v>11</c:v>
                </c:pt>
                <c:pt idx="10">
                  <c:v>12</c:v>
                </c:pt>
                <c:pt idx="11">
                  <c:v>13</c:v>
                </c:pt>
                <c:pt idx="12">
                  <c:v>14</c:v>
                </c:pt>
                <c:pt idx="13">
                  <c:v>15</c:v>
                </c:pt>
                <c:pt idx="14">
                  <c:v>16</c:v>
                </c:pt>
                <c:pt idx="15">
                  <c:v>17</c:v>
                </c:pt>
                <c:pt idx="16">
                  <c:v>18</c:v>
                </c:pt>
                <c:pt idx="17">
                  <c:v>19</c:v>
                </c:pt>
                <c:pt idx="18">
                  <c:v>20</c:v>
                </c:pt>
              </c:numCache>
            </c:numRef>
          </c:xVal>
          <c:yVal>
            <c:numRef>
              <c:f>'Assumptions and results'!$E$47:$W$47</c:f>
              <c:numCache>
                <c:formatCode>0%</c:formatCode>
                <c:ptCount val="19"/>
                <c:pt idx="0">
                  <c:v>3.9293213149845838E-2</c:v>
                </c:pt>
                <c:pt idx="1">
                  <c:v>6.8622933987478915E-2</c:v>
                </c:pt>
                <c:pt idx="2">
                  <c:v>8.3622376099366555E-2</c:v>
                </c:pt>
                <c:pt idx="3">
                  <c:v>9.2731056293431521E-2</c:v>
                </c:pt>
                <c:pt idx="4">
                  <c:v>9.8849390580792715E-2</c:v>
                </c:pt>
                <c:pt idx="5">
                  <c:v>0.10324224703360778</c:v>
                </c:pt>
                <c:pt idx="6">
                  <c:v>0.10654931440449304</c:v>
                </c:pt>
                <c:pt idx="7">
                  <c:v>0.10912886557260786</c:v>
                </c:pt>
                <c:pt idx="8">
                  <c:v>0.11119717275994472</c:v>
                </c:pt>
                <c:pt idx="9">
                  <c:v>0.11289251556186823</c:v>
                </c:pt>
                <c:pt idx="10">
                  <c:v>0.11431391378917326</c:v>
                </c:pt>
                <c:pt idx="11">
                  <c:v>0.11675980836002024</c:v>
                </c:pt>
                <c:pt idx="12">
                  <c:v>0.11906916989471254</c:v>
                </c:pt>
                <c:pt idx="13">
                  <c:v>0.12126458722547777</c:v>
                </c:pt>
                <c:pt idx="14">
                  <c:v>0.12336217093698247</c:v>
                </c:pt>
                <c:pt idx="15">
                  <c:v>0.12537355199596484</c:v>
                </c:pt>
                <c:pt idx="16">
                  <c:v>0.12730722506880493</c:v>
                </c:pt>
                <c:pt idx="17">
                  <c:v>0.1291694732268453</c:v>
                </c:pt>
                <c:pt idx="18">
                  <c:v>0.13096501660587684</c:v>
                </c:pt>
              </c:numCache>
            </c:numRef>
          </c:yVal>
          <c:smooth val="1"/>
          <c:extLst>
            <c:ext xmlns:c16="http://schemas.microsoft.com/office/drawing/2014/chart" uri="{C3380CC4-5D6E-409C-BE32-E72D297353CC}">
              <c16:uniqueId val="{00000004-8C16-4B15-B04A-6E7D04131EA8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axId val="1322006079"/>
        <c:axId val="1411413775"/>
        <c:extLst>
          <c:ext xmlns:c15="http://schemas.microsoft.com/office/drawing/2012/chart" uri="{02D57815-91ED-43cb-92C2-25804820EDAC}">
            <c15:filteredScatterSeries>
              <c15:ser>
                <c:idx val="4"/>
                <c:order val="5"/>
                <c:tx>
                  <c:v>$20,000/acre</c:v>
                </c:tx>
                <c:spPr>
                  <a:ln w="19050" cap="rnd">
                    <a:solidFill>
                      <a:schemeClr val="accent3">
                        <a:lumMod val="60000"/>
                      </a:schemeClr>
                    </a:solidFill>
                    <a:round/>
                  </a:ln>
                  <a:effectLst/>
                </c:spPr>
                <c:marker>
                  <c:symbol val="none"/>
                </c:marker>
                <c:xVal>
                  <c:numRef>
                    <c:extLst>
                      <c:ext uri="{02D57815-91ED-43cb-92C2-25804820EDAC}">
                        <c15:formulaRef>
                          <c15:sqref>'Assumptions and results'!$E$37:$W$37</c15:sqref>
                        </c15:formulaRef>
                      </c:ext>
                    </c:extLst>
                    <c:numCache>
                      <c:formatCode>General</c:formatCode>
                      <c:ptCount val="19"/>
                      <c:pt idx="0">
                        <c:v>2</c:v>
                      </c:pt>
                      <c:pt idx="1">
                        <c:v>3</c:v>
                      </c:pt>
                      <c:pt idx="2">
                        <c:v>4</c:v>
                      </c:pt>
                      <c:pt idx="3">
                        <c:v>5</c:v>
                      </c:pt>
                      <c:pt idx="4">
                        <c:v>6</c:v>
                      </c:pt>
                      <c:pt idx="5">
                        <c:v>7</c:v>
                      </c:pt>
                      <c:pt idx="6">
                        <c:v>8</c:v>
                      </c:pt>
                      <c:pt idx="7">
                        <c:v>9</c:v>
                      </c:pt>
                      <c:pt idx="8">
                        <c:v>10</c:v>
                      </c:pt>
                      <c:pt idx="9">
                        <c:v>11</c:v>
                      </c:pt>
                      <c:pt idx="10">
                        <c:v>12</c:v>
                      </c:pt>
                      <c:pt idx="11">
                        <c:v>13</c:v>
                      </c:pt>
                      <c:pt idx="12">
                        <c:v>14</c:v>
                      </c:pt>
                      <c:pt idx="13">
                        <c:v>15</c:v>
                      </c:pt>
                      <c:pt idx="14">
                        <c:v>16</c:v>
                      </c:pt>
                      <c:pt idx="15">
                        <c:v>17</c:v>
                      </c:pt>
                      <c:pt idx="16">
                        <c:v>18</c:v>
                      </c:pt>
                      <c:pt idx="17">
                        <c:v>19</c:v>
                      </c:pt>
                      <c:pt idx="18">
                        <c:v>20</c:v>
                      </c:pt>
                    </c:numCache>
                  </c:numRef>
                </c:xVal>
                <c:yVal>
                  <c:numRef>
                    <c:extLst>
                      <c:ext uri="{02D57815-91ED-43cb-92C2-25804820EDAC}">
                        <c15:formulaRef>
                          <c15:sqref>'Assumptions and results'!$E$49:$W$49</c15:sqref>
                        </c15:formulaRef>
                      </c:ext>
                    </c:extLst>
                    <c:numCache>
                      <c:formatCode>0%</c:formatCode>
                      <c:ptCount val="19"/>
                      <c:pt idx="0">
                        <c:v>4.2793017598716274E-2</c:v>
                      </c:pt>
                      <c:pt idx="1">
                        <c:v>7.102601328602702E-2</c:v>
                      </c:pt>
                      <c:pt idx="2">
                        <c:v>8.545147494976206E-2</c:v>
                      </c:pt>
                      <c:pt idx="3">
                        <c:v>9.4207346901635722E-2</c:v>
                      </c:pt>
                      <c:pt idx="4">
                        <c:v>0.10008691490006309</c:v>
                      </c:pt>
                      <c:pt idx="5">
                        <c:v>0.10430746323220268</c:v>
                      </c:pt>
                      <c:pt idx="6">
                        <c:v>0.10748433014681551</c:v>
                      </c:pt>
                      <c:pt idx="7">
                        <c:v>0.10996203701091105</c:v>
                      </c:pt>
                      <c:pt idx="8">
                        <c:v>0.11194850367967361</c:v>
                      </c:pt>
                      <c:pt idx="9">
                        <c:v>0.1135766439532641</c:v>
                      </c:pt>
                      <c:pt idx="10">
                        <c:v>0.11493538959930542</c:v>
                      </c:pt>
                      <c:pt idx="11">
                        <c:v>0.11608649250952323</c:v>
                      </c:pt>
                      <c:pt idx="12">
                        <c:v>0.11707417111497513</c:v>
                      </c:pt>
                      <c:pt idx="13">
                        <c:v>0.11793092080255867</c:v>
                      </c:pt>
                      <c:pt idx="14">
                        <c:v>0.11868115735973388</c:v>
                      </c:pt>
                      <c:pt idx="15">
                        <c:v>0.11934358112067527</c:v>
                      </c:pt>
                      <c:pt idx="16">
                        <c:v>0.119932756894145</c:v>
                      </c:pt>
                      <c:pt idx="17">
                        <c:v>0.12046019726275896</c:v>
                      </c:pt>
                      <c:pt idx="18">
                        <c:v>0.12093512231246055</c:v>
                      </c:pt>
                    </c:numCache>
                  </c:numRef>
                </c:yVal>
                <c:smooth val="1"/>
                <c:extLst>
                  <c:ext xmlns:c16="http://schemas.microsoft.com/office/drawing/2014/chart" uri="{C3380CC4-5D6E-409C-BE32-E72D297353CC}">
                    <c16:uniqueId val="{00000005-8C16-4B15-B04A-6E7D04131EA8}"/>
                  </c:ext>
                </c:extLst>
              </c15:ser>
            </c15:filteredScatterSeries>
          </c:ext>
        </c:extLst>
      </c:scatterChart>
      <c:valAx>
        <c:axId val="1322006079"/>
        <c:scaling>
          <c:orientation val="minMax"/>
          <c:max val="20"/>
          <c:min val="2"/>
        </c:scaling>
        <c:delete val="0"/>
        <c:axPos val="b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title>
          <c:tx>
            <c:rich>
              <a:bodyPr rot="0" spcFirstLastPara="1" vertOverflow="ellipsis" vert="horz" wrap="square" anchor="ctr" anchorCtr="1"/>
              <a:lstStyle/>
              <a:p>
                <a:pPr>
                  <a:defRPr sz="1000" b="0" i="0" u="none" strike="noStrike" kern="1200" baseline="0">
                    <a:solidFill>
                      <a:schemeClr val="tx1">
                        <a:lumMod val="65000"/>
                        <a:lumOff val="3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r>
                  <a:rPr lang="en-US"/>
                  <a:t>Time (in years)</a:t>
                </a:r>
              </a:p>
            </c:rich>
          </c:tx>
          <c:overlay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anchor="ctr" anchorCtr="1"/>
            <a:lstStyle/>
            <a:p>
              <a:pPr>
                <a:defRPr sz="1000" b="0" i="0" u="none" strike="noStrike" kern="1200" baseline="0">
                  <a:solidFill>
                    <a:schemeClr val="tx1">
                      <a:lumMod val="65000"/>
                      <a:lumOff val="35000"/>
                    </a:schemeClr>
                  </a:solidFill>
                  <a:latin typeface="+mn-lt"/>
                  <a:ea typeface="+mn-ea"/>
                  <a:cs typeface="+mn-cs"/>
                </a:defRPr>
              </a:pPr>
              <a:endParaRPr lang="en-US"/>
            </a:p>
          </c:txPr>
        </c:title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25000"/>
                <a:lumOff val="7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1411413775"/>
        <c:crosses val="autoZero"/>
        <c:crossBetween val="midCat"/>
      </c:valAx>
      <c:valAx>
        <c:axId val="1411413775"/>
        <c:scaling>
          <c:orientation val="minMax"/>
          <c:min val="4.0000000000000008E-2"/>
        </c:scaling>
        <c:delete val="0"/>
        <c:axPos val="l"/>
        <c:majorGridlines>
          <c:spPr>
            <a:ln w="9525" cap="flat" cmpd="sng" algn="ctr">
              <a:solidFill>
                <a:schemeClr val="tx1">
                  <a:lumMod val="15000"/>
                  <a:lumOff val="85000"/>
                </a:schemeClr>
              </a:solidFill>
              <a:round/>
            </a:ln>
            <a:effectLst/>
          </c:spPr>
        </c:majorGridlines>
        <c:numFmt formatCode="0%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>
                <a:lumMod val="25000"/>
                <a:lumOff val="75000"/>
              </a:schemeClr>
            </a:solidFill>
            <a:round/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pPr>
            <a:endParaRPr lang="en-US"/>
          </a:p>
        </c:txPr>
        <c:crossAx val="1322006079"/>
        <c:crosses val="autoZero"/>
        <c:crossBetween val="midCat"/>
      </c:valAx>
      <c:spPr>
        <a:noFill/>
        <a:ln>
          <a:noFill/>
        </a:ln>
        <a:effectLst/>
      </c:spPr>
    </c:plotArea>
    <c:legend>
      <c:legendPos val="b"/>
      <c:layout>
        <c:manualLayout>
          <c:xMode val="edge"/>
          <c:yMode val="edge"/>
          <c:x val="3.4044289286232097E-3"/>
          <c:y val="0.85032333841521657"/>
          <c:w val="0.99451969977343579"/>
          <c:h val="0.12619811456791463"/>
        </c:manualLayout>
      </c:layout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900" b="0" i="0" u="none" strike="noStrike" kern="1200" baseline="0">
              <a:solidFill>
                <a:schemeClr val="tx1">
                  <a:lumMod val="65000"/>
                  <a:lumOff val="35000"/>
                </a:schemeClr>
              </a:solidFill>
              <a:latin typeface="+mn-lt"/>
              <a:ea typeface="+mn-ea"/>
              <a:cs typeface="+mn-cs"/>
            </a:defRPr>
          </a:pPr>
          <a:endParaRPr lang="en-US"/>
        </a:p>
      </c:txPr>
    </c:legend>
    <c:plotVisOnly val="1"/>
    <c:dispBlanksAs val="gap"/>
    <c:extLst>
      <c:ext xmlns:c16r3="http://schemas.microsoft.com/office/drawing/2017/03/chart" uri="{56B9EC1D-385E-4148-901F-78D8002777C0}">
        <c16r3:dataDisplayOptions16>
          <c16r3:dispNaAsBlank val="1"/>
        </c16r3:dataDisplayOptions16>
      </c:ext>
    </c:extLst>
    <c:showDLblsOverMax val="0"/>
  </c:chart>
  <c:spPr>
    <a:noFill/>
    <a:ln>
      <a:noFill/>
    </a:ln>
    <a:effectLst/>
  </c:spPr>
  <c:txPr>
    <a:bodyPr/>
    <a:lstStyle/>
    <a:p>
      <a:pPr>
        <a:defRPr/>
      </a:pPr>
      <a:endParaRPr lang="en-US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colors2.xml><?xml version="1.0" encoding="utf-8"?>
<cs:colorStyle xmlns:cs="http://schemas.microsoft.com/office/drawing/2012/chartStyle" xmlns:a="http://schemas.openxmlformats.org/drawingml/2006/main" meth="cycle" id="11">
  <a:schemeClr val="accent1"/>
  <a:schemeClr val="accent3"/>
  <a:schemeClr val="accent5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86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charts/style2.xml><?xml version="1.0" encoding="utf-8"?>
<cs:chartStyle xmlns:cs="http://schemas.microsoft.com/office/drawing/2012/chartStyle" xmlns:a="http://schemas.openxmlformats.org/drawingml/2006/main" id="240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00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25000"/>
            <a:lumOff val="75000"/>
          </a:schemeClr>
        </a:solidFill>
        <a:round/>
      </a:ln>
    </cs:spPr>
    <cs:defRPr sz="900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00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900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900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19050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0"/>
    <cs:effectRef idx="0"/>
    <cs:fontRef idx="minor">
      <a:schemeClr val="dk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900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400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900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25000"/>
            <a:lumOff val="75000"/>
          </a:schemeClr>
        </a:solidFill>
        <a:round/>
      </a:ln>
    </cs:spPr>
    <cs:defRPr sz="900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3_3">
  <dgm:title val=""/>
  <dgm:desc val=""/>
  <dgm:catLst>
    <dgm:cat type="accent3" pri="11300"/>
  </dgm:catLst>
  <dgm:styleLbl name="node0">
    <dgm:fillClrLst meth="repeat">
      <a:schemeClr val="accent3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node1">
    <dgm:fillClrLst>
      <a:schemeClr val="accent3">
        <a:shade val="80000"/>
      </a:schemeClr>
      <a:schemeClr val="accent3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alignNode1">
    <dgm:fillClrLst>
      <a:schemeClr val="accent3">
        <a:shade val="80000"/>
      </a:schemeClr>
      <a:schemeClr val="accent3">
        <a:tint val="70000"/>
      </a:schemeClr>
    </dgm:fillClrLst>
    <dgm:linClrLst>
      <a:schemeClr val="accent3">
        <a:shade val="80000"/>
      </a:schemeClr>
      <a:schemeClr val="accent3">
        <a:tint val="70000"/>
      </a:schemeClr>
    </dgm:linClrLst>
    <dgm:effectClrLst/>
    <dgm:txLinClrLst/>
    <dgm:txFillClrLst/>
    <dgm:txEffectClrLst/>
  </dgm:styleLbl>
  <dgm:styleLbl name="lnNode1">
    <dgm:fillClrLst>
      <a:schemeClr val="accent3">
        <a:shade val="80000"/>
      </a:schemeClr>
      <a:schemeClr val="accent3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vennNode1">
    <dgm:fillClrLst>
      <a:schemeClr val="accent3">
        <a:shade val="80000"/>
        <a:alpha val="50000"/>
      </a:schemeClr>
      <a:schemeClr val="accent3">
        <a:tint val="70000"/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3">
        <a:tint val="99000"/>
      </a:schemeClr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3">
        <a:tint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3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>
      <a:schemeClr val="accent3">
        <a:tint val="50000"/>
      </a:schemeClr>
      <a:schemeClr val="accent3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3">
        <a:tint val="50000"/>
      </a:schemeClr>
      <a:schemeClr val="accent3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3">
        <a:tint val="50000"/>
      </a:schemeClr>
      <a:schemeClr val="accent3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>
      <a:schemeClr val="accent3">
        <a:shade val="90000"/>
      </a:schemeClr>
      <a:schemeClr val="accent3">
        <a:tint val="70000"/>
      </a:schemeClr>
    </dgm:fillClrLst>
    <dgm:linClrLst>
      <a:schemeClr val="accent3">
        <a:shade val="90000"/>
      </a:schemeClr>
      <a:schemeClr val="accent3">
        <a:tint val="70000"/>
      </a:schemeClr>
    </dgm:linClrLst>
    <dgm:effectClrLst/>
    <dgm:txLinClrLst/>
    <dgm:txFillClrLst/>
    <dgm:txEffectClrLst/>
  </dgm:styleLbl>
  <dgm:styleLbl name="fgSibTrans2D1">
    <dgm:fillClrLst>
      <a:schemeClr val="accent3">
        <a:shade val="90000"/>
      </a:schemeClr>
      <a:schemeClr val="accent3">
        <a:tint val="70000"/>
      </a:schemeClr>
    </dgm:fillClrLst>
    <dgm:linClrLst>
      <a:schemeClr val="accent3">
        <a:shade val="90000"/>
      </a:schemeClr>
      <a:schemeClr val="accent3">
        <a:tint val="70000"/>
      </a:schemeClr>
    </dgm:linClrLst>
    <dgm:effectClrLst/>
    <dgm:txLinClrLst/>
    <dgm:txFillClrLst meth="repeat">
      <a:schemeClr val="lt1"/>
    </dgm:txFillClrLst>
    <dgm:txEffectClrLst/>
  </dgm:styleLbl>
  <dgm:styleLbl name="bgSibTrans2D1">
    <dgm:fillClrLst>
      <a:schemeClr val="accent3">
        <a:shade val="90000"/>
      </a:schemeClr>
      <a:schemeClr val="accent3">
        <a:tint val="70000"/>
      </a:schemeClr>
    </dgm:fillClrLst>
    <dgm:linClrLst>
      <a:schemeClr val="accent3">
        <a:shade val="90000"/>
      </a:schemeClr>
      <a:schemeClr val="accent3">
        <a:tint val="70000"/>
      </a:schemeClr>
    </dgm:linClrLst>
    <dgm:effectClrLst/>
    <dgm:txLinClrLst/>
    <dgm:txFillClrLst meth="repeat">
      <a:schemeClr val="lt1"/>
    </dgm:txFillClrLst>
    <dgm:txEffectClrLst/>
  </dgm:styleLbl>
  <dgm:styleLbl name="sibTrans1D1">
    <dgm:fillClrLst>
      <a:schemeClr val="accent3">
        <a:shade val="90000"/>
      </a:schemeClr>
      <a:schemeClr val="accent3">
        <a:tint val="70000"/>
      </a:schemeClr>
    </dgm:fillClrLst>
    <dgm:linClrLst>
      <a:schemeClr val="accent3">
        <a:shade val="90000"/>
      </a:schemeClr>
      <a:schemeClr val="accent3">
        <a:tint val="70000"/>
      </a:schemeClr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3"/>
    </dgm:fillClrLst>
    <dgm:linClrLst meth="repeat">
      <a:schemeClr val="accent3"/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3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3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asst2">
    <dgm:fillClrLst>
      <a:schemeClr val="accent3">
        <a:tint val="99000"/>
      </a:schemeClr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3">
        <a:tint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3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3">
        <a:tint val="60000"/>
      </a:schemeClr>
    </dgm:fillClrLst>
    <dgm:linClrLst meth="repeat">
      <a:schemeClr val="accent3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3">
        <a:tint val="90000"/>
      </a:schemeClr>
    </dgm:fillClrLst>
    <dgm:linClrLst meth="repeat">
      <a:schemeClr val="accent3">
        <a:tint val="90000"/>
      </a:schemeClr>
    </dgm:linClrLst>
    <dgm:effectClrLst/>
    <dgm:txLinClrLst/>
    <dgm:txFillClrLst/>
    <dgm:txEffectClrLst/>
  </dgm:styleLbl>
  <dgm:styleLbl name="parChTrans2D3">
    <dgm:fillClrLst meth="repeat">
      <a:schemeClr val="accent3">
        <a:tint val="70000"/>
      </a:schemeClr>
    </dgm:fillClrLst>
    <dgm:linClrLst meth="repeat">
      <a:schemeClr val="accent3">
        <a:tint val="70000"/>
      </a:schemeClr>
    </dgm:linClrLst>
    <dgm:effectClrLst/>
    <dgm:txLinClrLst/>
    <dgm:txFillClrLst/>
    <dgm:txEffectClrLst/>
  </dgm:styleLbl>
  <dgm:styleLbl name="parChTrans2D4">
    <dgm:fillClrLst meth="repeat">
      <a:schemeClr val="accent3">
        <a:tint val="50000"/>
      </a:schemeClr>
    </dgm:fillClrLst>
    <dgm:linClrLst meth="repeat">
      <a:schemeClr val="accent3">
        <a:tint val="50000"/>
      </a:schemeClr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3">
        <a:shade val="80000"/>
      </a:schemeClr>
    </dgm:fillClrLst>
    <dgm:linClrLst meth="repeat">
      <a:schemeClr val="accent3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3">
        <a:tint val="99000"/>
      </a:schemeClr>
    </dgm:fillClrLst>
    <dgm:linClrLst meth="repeat">
      <a:schemeClr val="accent3">
        <a:tint val="99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3">
        <a:tint val="80000"/>
      </a:schemeClr>
    </dgm:fillClrLst>
    <dgm:linClrLst meth="repeat">
      <a:schemeClr val="accent3">
        <a:tint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3">
        <a:tint val="70000"/>
      </a:schemeClr>
    </dgm:fillClrLst>
    <dgm:linClrLst meth="repeat">
      <a:schemeClr val="accent3">
        <a:tint val="7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>
      <a:schemeClr val="accent3">
        <a:shade val="80000"/>
      </a:schemeClr>
      <a:schemeClr val="accent3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>
      <a:schemeClr val="accent3">
        <a:shade val="80000"/>
      </a:schemeClr>
      <a:schemeClr val="accent3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>
      <a:schemeClr val="accent3">
        <a:shade val="80000"/>
      </a:schemeClr>
      <a:schemeClr val="accent3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3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>
      <a:schemeClr val="accent3">
        <a:shade val="80000"/>
      </a:schemeClr>
      <a:schemeClr val="accent3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>
      <a:schemeClr val="accent3">
        <a:shade val="80000"/>
      </a:schemeClr>
      <a:schemeClr val="accent3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3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3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3">
        <a:alpha val="90000"/>
        <a:tint val="40000"/>
      </a:schemeClr>
    </dgm:fillClrLst>
    <dgm:linClrLst meth="repeat">
      <a:schemeClr val="accent3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3">
        <a:alpha val="90000"/>
        <a:tint val="40000"/>
      </a:schemeClr>
    </dgm:fillClrLst>
    <dgm:linClrLst meth="repeat">
      <a:schemeClr val="accent3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3">
        <a:alpha val="90000"/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3">
        <a:shade val="80000"/>
      </a:schemeClr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3">
        <a:tint val="99000"/>
      </a:schemeClr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3">
        <a:tint val="80000"/>
      </a:schemeClr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3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3">
        <a:tint val="40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3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3">
        <a:tint val="50000"/>
        <a:alpha val="40000"/>
      </a:schemeClr>
    </dgm:fillClrLst>
    <dgm:linClrLst meth="repeat">
      <a:schemeClr val="accent3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3"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989BE368-E65B-4863-B044-D75428B8C261}" type="doc">
      <dgm:prSet loTypeId="urn:microsoft.com/office/officeart/2005/8/layout/pyramid2" loCatId="pyramid" qsTypeId="urn:microsoft.com/office/officeart/2005/8/quickstyle/simple1" qsCatId="simple" csTypeId="urn:microsoft.com/office/officeart/2005/8/colors/accent3_3" csCatId="accent3" phldr="1"/>
      <dgm:spPr/>
    </dgm:pt>
    <dgm:pt modelId="{44831781-A479-4391-92EE-2B2F213D894A}" type="pres">
      <dgm:prSet presAssocID="{989BE368-E65B-4863-B044-D75428B8C261}" presName="compositeShape" presStyleCnt="0">
        <dgm:presLayoutVars>
          <dgm:dir/>
          <dgm:resizeHandles/>
        </dgm:presLayoutVars>
      </dgm:prSet>
      <dgm:spPr/>
    </dgm:pt>
  </dgm:ptLst>
  <dgm:cxnLst>
    <dgm:cxn modelId="{4C31AB2B-D220-4901-9C30-C01B1532BDB8}" type="presOf" srcId="{989BE368-E65B-4863-B044-D75428B8C261}" destId="{44831781-A479-4391-92EE-2B2F213D894A}" srcOrd="0" destOrd="0" presId="urn:microsoft.com/office/officeart/2005/8/layout/pyramid2"/>
  </dgm:cxnLst>
  <dgm:bg/>
  <dgm:whole/>
  <dgm:extLst>
    <a:ext uri="http://schemas.microsoft.com/office/drawing/2008/diagram">
      <dsp:dataModelExt xmlns:dsp="http://schemas.microsoft.com/office/drawing/2008/diagram" relId="rId7" minVer="http://schemas.openxmlformats.org/drawingml/2006/diagram"/>
    </a:ext>
    <a:ext uri="{C62137D5-CB1D-491B-B009-E17868A290BF}">
      <dgm14:recolorImg xmlns:dgm14="http://schemas.microsoft.com/office/drawing/2010/diagram" val="1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pyramid2">
  <dgm:title val=""/>
  <dgm:desc val=""/>
  <dgm:catLst>
    <dgm:cat type="pyramid" pri="3000"/>
    <dgm:cat type="list" pri="21000"/>
    <dgm:cat type="convert" pri="17000"/>
  </dgm:catLst>
  <dgm:sampData useDef="1">
    <dgm:dataModel>
      <dgm:ptLst/>
      <dgm:bg/>
      <dgm:whole/>
    </dgm:dataModel>
  </dgm:sampData>
  <dgm:styleData useDef="1">
    <dgm:dataModel>
      <dgm:ptLst/>
      <dgm:bg/>
      <dgm:whole/>
    </dgm:dataModel>
  </dgm:styleData>
  <dgm:clrData useDef="1">
    <dgm:dataModel>
      <dgm:ptLst/>
      <dgm:bg/>
      <dgm:whole/>
    </dgm:dataModel>
  </dgm:clrData>
  <dgm:layoutNode name="compositeShape">
    <dgm:alg type="composite"/>
    <dgm:shape xmlns:r="http://schemas.openxmlformats.org/officeDocument/2006/relationships" r:blip="">
      <dgm:adjLst/>
    </dgm:shape>
    <dgm:presOf/>
    <dgm:varLst>
      <dgm:dir/>
      <dgm:resizeHandles/>
    </dgm:varLst>
    <dgm:choose name="Name0">
      <dgm:if name="Name1" func="var" arg="dir" op="equ" val="norm">
        <dgm:constrLst>
          <dgm:constr type="w" for="ch" forName="pyramid" refType="h"/>
          <dgm:constr type="h" for="ch" forName="pyramid" refType="h"/>
          <dgm:constr type="h" for="ch" forName="theList" refType="h" fact="0.8"/>
          <dgm:constr type="w" for="ch" forName="theList" refType="h" fact="0.65"/>
          <dgm:constr type="ctrY" for="ch" forName="theList" refType="h" refFor="ch" refForName="pyramid" fact="0.5"/>
          <dgm:constr type="l" for="ch" forName="theList" refType="w" refFor="ch" refForName="pyramid" fact="0.5"/>
          <dgm:constr type="h" for="des" forName="aSpace" refType="h" fact="0.1"/>
        </dgm:constrLst>
      </dgm:if>
      <dgm:else name="Name2">
        <dgm:constrLst>
          <dgm:constr type="w" for="ch" forName="pyramid" refType="h"/>
          <dgm:constr type="h" for="ch" forName="pyramid" refType="h"/>
          <dgm:constr type="h" for="ch" forName="theList" refType="h" fact="0.8"/>
          <dgm:constr type="w" for="ch" forName="theList" refType="h" fact="0.65"/>
          <dgm:constr type="ctrY" for="ch" forName="theList" refType="h" refFor="ch" refForName="pyramid" fact="0.5"/>
          <dgm:constr type="r" for="ch" forName="theList" refType="w" refFor="ch" refForName="pyramid" fact="0.5"/>
          <dgm:constr type="h" for="des" forName="aSpace" refType="h" fact="0.1"/>
        </dgm:constrLst>
      </dgm:else>
    </dgm:choose>
    <dgm:ruleLst/>
    <dgm:choose name="Name3">
      <dgm:if name="Name4" axis="ch" ptType="node" func="cnt" op="gte" val="1">
        <dgm:layoutNode name="pyramid" styleLbl="node1">
          <dgm:alg type="sp"/>
          <dgm:shape xmlns:r="http://schemas.openxmlformats.org/officeDocument/2006/relationships" type="triangle" r:blip="">
            <dgm:adjLst/>
          </dgm:shape>
          <dgm:presOf/>
          <dgm:constrLst/>
          <dgm:ruleLst/>
        </dgm:layoutNode>
        <dgm:layoutNode name="theList">
          <dgm:alg type="lin">
            <dgm:param type="linDir" val="fromT"/>
          </dgm:alg>
          <dgm:shape xmlns:r="http://schemas.openxmlformats.org/officeDocument/2006/relationships" r:blip="">
            <dgm:adjLst/>
          </dgm:shape>
          <dgm:presOf/>
          <dgm:constrLst>
            <dgm:constr type="w" for="ch" forName="aNode" refType="w"/>
            <dgm:constr type="h" for="ch" forName="aNode" refType="h"/>
            <dgm:constr type="primFontSz" for="ch" ptType="node" op="equ"/>
          </dgm:constrLst>
          <dgm:ruleLst/>
          <dgm:forEach name="aNodeForEach" axis="ch" ptType="node">
            <dgm:layoutNode name="aNode" styleLbl="fgAcc1">
              <dgm:varLst>
                <dgm:bulletEnabled val="1"/>
              </dgm:varLst>
              <dgm:alg type="tx"/>
              <dgm:shape xmlns:r="http://schemas.openxmlformats.org/officeDocument/2006/relationships" type="roundRect" r:blip="">
                <dgm:adjLst/>
              </dgm:shape>
              <dgm:presOf axis="desOrSelf" ptType="node"/>
              <dgm:constrLst>
                <dgm:constr type="primFontSz" val="65"/>
                <dgm:constr type="tMarg" refType="primFontSz" fact="0.3"/>
                <dgm:constr type="bMarg" refType="primFontSz" fact="0.3"/>
                <dgm:constr type="lMarg" refType="primFontSz" fact="0.3"/>
                <dgm:constr type="rMarg" refType="primFontSz" fact="0.3"/>
              </dgm:constrLst>
              <dgm:ruleLst>
                <dgm:rule type="primFontSz" val="5" fact="NaN" max="NaN"/>
              </dgm:ruleLst>
            </dgm:layoutNode>
            <dgm:layoutNode name="aSpace">
              <dgm:alg type="sp"/>
              <dgm:shape xmlns:r="http://schemas.openxmlformats.org/officeDocument/2006/relationships" r:blip="">
                <dgm:adjLst/>
              </dgm:shape>
              <dgm:presOf/>
              <dgm:constrLst/>
              <dgm:ruleLst/>
            </dgm:layoutNode>
          </dgm:forEach>
        </dgm:layoutNode>
      </dgm:if>
      <dgm:else name="Name5"/>
    </dgm:choose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CA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EB80E5ED-6A7A-402B-A0E5-F6105C996D37}" type="datetimeFigureOut">
              <a:rPr lang="en-CA" smtClean="0"/>
              <a:t>2020-04-05</a:t>
            </a:fld>
            <a:endParaRPr lang="en-CA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CA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CA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CA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033ED039-42CF-41E9-801B-113655FE77BB}" type="slidenum">
              <a:rPr lang="en-CA" smtClean="0"/>
              <a:t>‹#›</a:t>
            </a:fld>
            <a:endParaRPr lang="en-CA" dirty="0"/>
          </a:p>
        </p:txBody>
      </p:sp>
    </p:spTree>
    <p:extLst>
      <p:ext uri="{BB962C8B-B14F-4D97-AF65-F5344CB8AC3E}">
        <p14:creationId xmlns:p14="http://schemas.microsoft.com/office/powerpoint/2010/main" val="995016752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6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8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0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2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033ED039-42CF-41E9-801B-113655FE77BB}" type="slidenum">
              <a:rPr lang="en-CA" smtClean="0"/>
              <a:t>1</a:t>
            </a:fld>
            <a:endParaRPr lang="en-CA" dirty="0"/>
          </a:p>
        </p:txBody>
      </p:sp>
    </p:spTree>
    <p:extLst>
      <p:ext uri="{BB962C8B-B14F-4D97-AF65-F5344CB8AC3E}">
        <p14:creationId xmlns:p14="http://schemas.microsoft.com/office/powerpoint/2010/main" val="1083060419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C55368E-7A76-4CCD-8330-6C644C1E8E36}" type="slidenum">
              <a:rPr lang="en-US" smtClean="0"/>
              <a:t>1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67591382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Highlight impact</a:t>
            </a:r>
            <a:r>
              <a:rPr lang="en-US" baseline="0" dirty="0"/>
              <a:t> metrics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7C7FBB1E-A0A2-4D8A-AC71-627D44B80BA8}" type="slidenum">
              <a:rPr lang="en-US" smtClean="0"/>
              <a:t>1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01273209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33ED039-42CF-41E9-801B-113655FE77BB}" type="slidenum">
              <a:rPr lang="en-CA" smtClean="0"/>
              <a:t>17</a:t>
            </a:fld>
            <a:endParaRPr lang="en-CA" dirty="0"/>
          </a:p>
        </p:txBody>
      </p:sp>
    </p:spTree>
    <p:extLst>
      <p:ext uri="{BB962C8B-B14F-4D97-AF65-F5344CB8AC3E}">
        <p14:creationId xmlns:p14="http://schemas.microsoft.com/office/powerpoint/2010/main" val="758376401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Specify</a:t>
            </a:r>
            <a:r>
              <a:rPr lang="en-US" baseline="0" dirty="0"/>
              <a:t> L1, L2 etc.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7C7FBB1E-A0A2-4D8A-AC71-627D44B80BA8}" type="slidenum">
              <a:rPr lang="en-US" smtClean="0"/>
              <a:t>1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64482346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C55368E-7A76-4CCD-8330-6C644C1E8E36}" type="slidenum">
              <a:rPr lang="en-US" smtClean="0"/>
              <a:t>23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54321582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033ED039-42CF-41E9-801B-113655FE77BB}" type="slidenum">
              <a:rPr lang="en-CA" smtClean="0"/>
              <a:t>25</a:t>
            </a:fld>
            <a:endParaRPr lang="en-CA" dirty="0"/>
          </a:p>
        </p:txBody>
      </p:sp>
    </p:spTree>
    <p:extLst>
      <p:ext uri="{BB962C8B-B14F-4D97-AF65-F5344CB8AC3E}">
        <p14:creationId xmlns:p14="http://schemas.microsoft.com/office/powerpoint/2010/main" val="2488296496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033ED039-42CF-41E9-801B-113655FE77BB}" type="slidenum">
              <a:rPr lang="en-CA" smtClean="0"/>
              <a:t>26</a:t>
            </a:fld>
            <a:endParaRPr lang="en-CA" dirty="0"/>
          </a:p>
        </p:txBody>
      </p:sp>
    </p:spTree>
    <p:extLst>
      <p:ext uri="{BB962C8B-B14F-4D97-AF65-F5344CB8AC3E}">
        <p14:creationId xmlns:p14="http://schemas.microsoft.com/office/powerpoint/2010/main" val="2145657873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033ED039-42CF-41E9-801B-113655FE77BB}" type="slidenum">
              <a:rPr lang="en-CA" smtClean="0"/>
              <a:t>27</a:t>
            </a:fld>
            <a:endParaRPr lang="en-CA" dirty="0"/>
          </a:p>
        </p:txBody>
      </p:sp>
    </p:spTree>
    <p:extLst>
      <p:ext uri="{BB962C8B-B14F-4D97-AF65-F5344CB8AC3E}">
        <p14:creationId xmlns:p14="http://schemas.microsoft.com/office/powerpoint/2010/main" val="4059838152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033ED039-42CF-41E9-801B-113655FE77BB}" type="slidenum">
              <a:rPr lang="en-CA" smtClean="0"/>
              <a:t>28</a:t>
            </a:fld>
            <a:endParaRPr lang="en-CA" dirty="0"/>
          </a:p>
        </p:txBody>
      </p:sp>
    </p:spTree>
    <p:extLst>
      <p:ext uri="{BB962C8B-B14F-4D97-AF65-F5344CB8AC3E}">
        <p14:creationId xmlns:p14="http://schemas.microsoft.com/office/powerpoint/2010/main" val="2122333657"/>
      </p:ext>
    </p:extLst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033ED039-42CF-41E9-801B-113655FE77BB}" type="slidenum">
              <a:rPr lang="en-CA" smtClean="0"/>
              <a:t>30</a:t>
            </a:fld>
            <a:endParaRPr lang="en-CA" dirty="0"/>
          </a:p>
        </p:txBody>
      </p:sp>
    </p:spTree>
    <p:extLst>
      <p:ext uri="{BB962C8B-B14F-4D97-AF65-F5344CB8AC3E}">
        <p14:creationId xmlns:p14="http://schemas.microsoft.com/office/powerpoint/2010/main" val="1447664621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C55368E-7A76-4CCD-8330-6C644C1E8E36}" type="slidenum">
              <a:rPr lang="en-US" smtClean="0"/>
              <a:t>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13013248"/>
      </p:ext>
    </p:extLst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33ED039-42CF-41E9-801B-113655FE77BB}" type="slidenum">
              <a:rPr lang="en-CA" smtClean="0"/>
              <a:t>31</a:t>
            </a:fld>
            <a:endParaRPr lang="en-CA" dirty="0"/>
          </a:p>
        </p:txBody>
      </p:sp>
    </p:spTree>
    <p:extLst>
      <p:ext uri="{BB962C8B-B14F-4D97-AF65-F5344CB8AC3E}">
        <p14:creationId xmlns:p14="http://schemas.microsoft.com/office/powerpoint/2010/main" val="643636929"/>
      </p:ext>
    </p:extLst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-1249363" y="225425"/>
            <a:ext cx="9304338" cy="5233988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616035405"/>
      </p:ext>
    </p:extLst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7C7FBB1E-A0A2-4D8A-AC71-627D44B80BA8}" type="slidenum">
              <a:rPr lang="en-US" smtClean="0"/>
              <a:t>3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254605027"/>
      </p:ext>
    </p:extLst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33ED039-42CF-41E9-801B-113655FE77BB}" type="slidenum">
              <a:rPr lang="en-CA" smtClean="0"/>
              <a:t>38</a:t>
            </a:fld>
            <a:endParaRPr lang="en-CA" dirty="0"/>
          </a:p>
        </p:txBody>
      </p:sp>
    </p:spTree>
    <p:extLst>
      <p:ext uri="{BB962C8B-B14F-4D97-AF65-F5344CB8AC3E}">
        <p14:creationId xmlns:p14="http://schemas.microsoft.com/office/powerpoint/2010/main" val="1373808157"/>
      </p:ext>
    </p:extLst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033ED039-42CF-41E9-801B-113655FE77BB}" type="slidenum">
              <a:rPr lang="en-CA" smtClean="0"/>
              <a:t>40</a:t>
            </a:fld>
            <a:endParaRPr lang="en-CA" dirty="0"/>
          </a:p>
        </p:txBody>
      </p:sp>
    </p:spTree>
    <p:extLst>
      <p:ext uri="{BB962C8B-B14F-4D97-AF65-F5344CB8AC3E}">
        <p14:creationId xmlns:p14="http://schemas.microsoft.com/office/powerpoint/2010/main" val="2840926094"/>
      </p:ext>
    </p:extLst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033ED039-42CF-41E9-801B-113655FE77BB}" type="slidenum">
              <a:rPr lang="en-CA" smtClean="0"/>
              <a:t>42</a:t>
            </a:fld>
            <a:endParaRPr lang="en-CA" dirty="0"/>
          </a:p>
        </p:txBody>
      </p:sp>
    </p:spTree>
    <p:extLst>
      <p:ext uri="{BB962C8B-B14F-4D97-AF65-F5344CB8AC3E}">
        <p14:creationId xmlns:p14="http://schemas.microsoft.com/office/powerpoint/2010/main" val="1827136924"/>
      </p:ext>
    </p:extLst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033ED039-42CF-41E9-801B-113655FE77BB}" type="slidenum">
              <a:rPr lang="en-CA" smtClean="0"/>
              <a:t>44</a:t>
            </a:fld>
            <a:endParaRPr lang="en-CA" dirty="0"/>
          </a:p>
        </p:txBody>
      </p:sp>
    </p:spTree>
    <p:extLst>
      <p:ext uri="{BB962C8B-B14F-4D97-AF65-F5344CB8AC3E}">
        <p14:creationId xmlns:p14="http://schemas.microsoft.com/office/powerpoint/2010/main" val="3546809135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E4D641C9-B4F9-41AD-BDE0-E4D48AF91C56}" type="slidenum">
              <a:rPr lang="en-US" smtClean="0"/>
              <a:t>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87322205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C55368E-7A76-4CCD-8330-6C644C1E8E36}" type="slidenum">
              <a:rPr lang="en-US" smtClean="0"/>
              <a:t>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91871887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033ED039-42CF-41E9-801B-113655FE77BB}" type="slidenum">
              <a:rPr lang="en-CA" smtClean="0"/>
              <a:t>6</a:t>
            </a:fld>
            <a:endParaRPr lang="en-CA" dirty="0"/>
          </a:p>
        </p:txBody>
      </p:sp>
    </p:spTree>
    <p:extLst>
      <p:ext uri="{BB962C8B-B14F-4D97-AF65-F5344CB8AC3E}">
        <p14:creationId xmlns:p14="http://schemas.microsoft.com/office/powerpoint/2010/main" val="2882383592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033ED039-42CF-41E9-801B-113655FE77BB}" type="slidenum">
              <a:rPr lang="en-CA" smtClean="0"/>
              <a:t>7</a:t>
            </a:fld>
            <a:endParaRPr lang="en-CA" dirty="0"/>
          </a:p>
        </p:txBody>
      </p:sp>
    </p:spTree>
    <p:extLst>
      <p:ext uri="{BB962C8B-B14F-4D97-AF65-F5344CB8AC3E}">
        <p14:creationId xmlns:p14="http://schemas.microsoft.com/office/powerpoint/2010/main" val="1136121924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033ED039-42CF-41E9-801B-113655FE77BB}" type="slidenum">
              <a:rPr lang="en-CA" smtClean="0"/>
              <a:t>8</a:t>
            </a:fld>
            <a:endParaRPr lang="en-CA" dirty="0"/>
          </a:p>
        </p:txBody>
      </p:sp>
    </p:spTree>
    <p:extLst>
      <p:ext uri="{BB962C8B-B14F-4D97-AF65-F5344CB8AC3E}">
        <p14:creationId xmlns:p14="http://schemas.microsoft.com/office/powerpoint/2010/main" val="3752599303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C55368E-7A76-4CCD-8330-6C644C1E8E36}" type="slidenum">
              <a:rPr lang="en-US" smtClean="0"/>
              <a:t>1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86330327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033ED039-42CF-41E9-801B-113655FE77BB}" type="slidenum">
              <a:rPr lang="en-CA" smtClean="0"/>
              <a:t>11</a:t>
            </a:fld>
            <a:endParaRPr lang="en-CA" dirty="0"/>
          </a:p>
        </p:txBody>
      </p:sp>
    </p:spTree>
    <p:extLst>
      <p:ext uri="{BB962C8B-B14F-4D97-AF65-F5344CB8AC3E}">
        <p14:creationId xmlns:p14="http://schemas.microsoft.com/office/powerpoint/2010/main" val="4027340573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emf"/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gif"/><Relationship Id="rId2" Type="http://schemas.openxmlformats.org/officeDocument/2006/relationships/image" Target="../media/image4.emf"/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emf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bg>
      <p:bgPr>
        <a:solidFill>
          <a:schemeClr val="accent3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383728" y="3382296"/>
            <a:ext cx="4712254" cy="621106"/>
          </a:xfrm>
          <a:prstGeom prst="rect">
            <a:avLst/>
          </a:prstGeom>
        </p:spPr>
        <p:txBody>
          <a:bodyPr lIns="0" tIns="45720" rIns="0" bIns="45720" anchor="b" anchorCtr="0">
            <a:noAutofit/>
          </a:bodyPr>
          <a:lstStyle>
            <a:lvl1pPr>
              <a:defRPr sz="4000" b="1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383728" y="4229433"/>
            <a:ext cx="4712149" cy="567868"/>
          </a:xfrm>
          <a:prstGeom prst="rect">
            <a:avLst/>
          </a:prstGeom>
        </p:spPr>
        <p:txBody>
          <a:bodyPr lIns="0" rIns="0">
            <a:normAutofit/>
          </a:bodyPr>
          <a:lstStyle>
            <a:lvl1pPr marL="0" indent="0" algn="l">
              <a:buNone/>
              <a:defRPr sz="2400">
                <a:solidFill>
                  <a:schemeClr val="bg2"/>
                </a:solidFill>
              </a:defRPr>
            </a:lvl1pPr>
            <a:lvl2pPr marL="49066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8133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7200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6266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5333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4400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3466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2533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Master subtitle style</a:t>
            </a:r>
            <a:endParaRPr lang="en-US" dirty="0"/>
          </a:p>
        </p:txBody>
      </p:sp>
      <p:pic>
        <p:nvPicPr>
          <p:cNvPr id="11" name="Picture 10" descr="Horizontal_RED_LG_DIGITAL.emf"/>
          <p:cNvPicPr>
            <a:picLocks/>
          </p:cNvPicPr>
          <p:nvPr/>
        </p:nvPicPr>
        <p:blipFill>
          <a:blip r:embed="rId2" cstate="print">
            <a:lum bright="100000"/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060864" y="6460864"/>
            <a:ext cx="3272551" cy="36849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00720044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Title Only">
    <p:bg>
      <p:bgRef idx="1001">
        <a:schemeClr val="bg2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dirty="0"/>
              <a:t>CLICK TO EDIT MASTER TITLE STYLE</a:t>
            </a:r>
            <a:endParaRPr lang="fr-FR" dirty="0"/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0A020B8A-BC3F-4E93-8C7A-DA62CA14EC68}"/>
              </a:ext>
            </a:extLst>
          </p:cNvPr>
          <p:cNvSpPr/>
          <p:nvPr userDrawn="1"/>
        </p:nvSpPr>
        <p:spPr>
          <a:xfrm>
            <a:off x="10712236" y="6893997"/>
            <a:ext cx="2048959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en-US" sz="1200" b="1" dirty="0">
                <a:solidFill>
                  <a:srgbClr val="009051"/>
                </a:solidFill>
              </a:rPr>
              <a:t>LOCUS AGRICULTURE</a:t>
            </a:r>
          </a:p>
        </p:txBody>
      </p:sp>
    </p:spTree>
    <p:extLst>
      <p:ext uri="{BB962C8B-B14F-4D97-AF65-F5344CB8AC3E}">
        <p14:creationId xmlns:p14="http://schemas.microsoft.com/office/powerpoint/2010/main" val="52312901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1_Title Slide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Parallelogram 5"/>
          <p:cNvSpPr/>
          <p:nvPr/>
        </p:nvSpPr>
        <p:spPr>
          <a:xfrm>
            <a:off x="-21367" y="0"/>
            <a:ext cx="7244100" cy="7223125"/>
          </a:xfrm>
          <a:custGeom>
            <a:avLst/>
            <a:gdLst>
              <a:gd name="connsiteX0" fmla="*/ 0 w 6238240"/>
              <a:gd name="connsiteY0" fmla="*/ 7223125 h 7223125"/>
              <a:gd name="connsiteX1" fmla="*/ 804920 w 6238240"/>
              <a:gd name="connsiteY1" fmla="*/ 0 h 7223125"/>
              <a:gd name="connsiteX2" fmla="*/ 6238240 w 6238240"/>
              <a:gd name="connsiteY2" fmla="*/ 0 h 7223125"/>
              <a:gd name="connsiteX3" fmla="*/ 5433320 w 6238240"/>
              <a:gd name="connsiteY3" fmla="*/ 7223125 h 7223125"/>
              <a:gd name="connsiteX4" fmla="*/ 0 w 6238240"/>
              <a:gd name="connsiteY4" fmla="*/ 7223125 h 7223125"/>
              <a:gd name="connsiteX0" fmla="*/ 28200 w 6266440"/>
              <a:gd name="connsiteY0" fmla="*/ 7223125 h 7223125"/>
              <a:gd name="connsiteX1" fmla="*/ 0 w 6266440"/>
              <a:gd name="connsiteY1" fmla="*/ 10160 h 7223125"/>
              <a:gd name="connsiteX2" fmla="*/ 6266440 w 6266440"/>
              <a:gd name="connsiteY2" fmla="*/ 0 h 7223125"/>
              <a:gd name="connsiteX3" fmla="*/ 5461520 w 6266440"/>
              <a:gd name="connsiteY3" fmla="*/ 7223125 h 7223125"/>
              <a:gd name="connsiteX4" fmla="*/ 28200 w 6266440"/>
              <a:gd name="connsiteY4" fmla="*/ 7223125 h 7223125"/>
              <a:gd name="connsiteX0" fmla="*/ 28200 w 6266440"/>
              <a:gd name="connsiteY0" fmla="*/ 7223125 h 7223125"/>
              <a:gd name="connsiteX1" fmla="*/ 0 w 6266440"/>
              <a:gd name="connsiteY1" fmla="*/ 10160 h 7223125"/>
              <a:gd name="connsiteX2" fmla="*/ 6266440 w 6266440"/>
              <a:gd name="connsiteY2" fmla="*/ 0 h 7223125"/>
              <a:gd name="connsiteX3" fmla="*/ 5603721 w 6266440"/>
              <a:gd name="connsiteY3" fmla="*/ 7223125 h 7223125"/>
              <a:gd name="connsiteX4" fmla="*/ 28200 w 6266440"/>
              <a:gd name="connsiteY4" fmla="*/ 7223125 h 722312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6266440" h="7223125">
                <a:moveTo>
                  <a:pt x="28200" y="7223125"/>
                </a:moveTo>
                <a:lnTo>
                  <a:pt x="0" y="10160"/>
                </a:lnTo>
                <a:lnTo>
                  <a:pt x="6266440" y="0"/>
                </a:lnTo>
                <a:lnTo>
                  <a:pt x="5603721" y="7223125"/>
                </a:lnTo>
                <a:lnTo>
                  <a:pt x="28200" y="7223125"/>
                </a:lnTo>
                <a:close/>
              </a:path>
            </a:pathLst>
          </a:custGeom>
          <a:solidFill>
            <a:srgbClr val="CC0000">
              <a:alpha val="90000"/>
            </a:srgb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7277" tIns="27277" rIns="27277" bIns="27277" rtlCol="0" anchor="ctr"/>
          <a:lstStyle/>
          <a:p>
            <a:pPr algn="ctr"/>
            <a:endParaRPr lang="en-US" sz="1364" dirty="0">
              <a:solidFill>
                <a:srgbClr val="FFFFFF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383728" y="1635689"/>
            <a:ext cx="4712254" cy="621106"/>
          </a:xfrm>
          <a:prstGeom prst="rect">
            <a:avLst/>
          </a:prstGeom>
        </p:spPr>
        <p:txBody>
          <a:bodyPr lIns="0" tIns="45720" rIns="0" bIns="45720" anchor="b" anchorCtr="0">
            <a:noAutofit/>
          </a:bodyPr>
          <a:lstStyle>
            <a:lvl1pPr>
              <a:defRPr sz="4000" b="1">
                <a:solidFill>
                  <a:schemeClr val="bg2"/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383728" y="3327628"/>
            <a:ext cx="4712149" cy="567868"/>
          </a:xfrm>
          <a:prstGeom prst="rect">
            <a:avLst/>
          </a:prstGeom>
        </p:spPr>
        <p:txBody>
          <a:bodyPr lIns="0" rIns="0">
            <a:normAutofit/>
          </a:bodyPr>
          <a:lstStyle>
            <a:lvl1pPr marL="0" indent="0" algn="l">
              <a:buNone/>
              <a:defRPr sz="2400">
                <a:solidFill>
                  <a:schemeClr val="bg2"/>
                </a:solidFill>
              </a:defRPr>
            </a:lvl1pPr>
            <a:lvl2pPr marL="49066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8133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7200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6266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5333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4400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3466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2533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Master subtitle style</a:t>
            </a:r>
            <a:endParaRPr lang="en-US" dirty="0"/>
          </a:p>
        </p:txBody>
      </p:sp>
      <p:pic>
        <p:nvPicPr>
          <p:cNvPr id="11" name="Picture 10" descr="Horizontal_RED_LG_DIGITAL.emf"/>
          <p:cNvPicPr>
            <a:picLocks/>
          </p:cNvPicPr>
          <p:nvPr/>
        </p:nvPicPr>
        <p:blipFill>
          <a:blip r:embed="rId2" cstate="print">
            <a:lum bright="100000"/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31515" y="6578781"/>
            <a:ext cx="2681555" cy="30194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46571294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2_Title Slide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527728" y="3493289"/>
            <a:ext cx="5477072" cy="621106"/>
          </a:xfrm>
          <a:prstGeom prst="rect">
            <a:avLst/>
          </a:prstGeom>
        </p:spPr>
        <p:txBody>
          <a:bodyPr lIns="0" tIns="45720" rIns="0" bIns="45720" anchor="b" anchorCtr="0">
            <a:noAutofit/>
          </a:bodyPr>
          <a:lstStyle>
            <a:lvl1pPr>
              <a:defRPr sz="2800" b="1">
                <a:solidFill>
                  <a:schemeClr val="accent3"/>
                </a:solidFill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527728" y="4256428"/>
            <a:ext cx="5476950" cy="567868"/>
          </a:xfrm>
          <a:prstGeom prst="rect">
            <a:avLst/>
          </a:prstGeom>
        </p:spPr>
        <p:txBody>
          <a:bodyPr lIns="0" rIns="0">
            <a:normAutofit/>
          </a:bodyPr>
          <a:lstStyle>
            <a:lvl1pPr marL="0" indent="0" algn="l">
              <a:buNone/>
              <a:defRPr sz="1600">
                <a:solidFill>
                  <a:schemeClr val="accent6"/>
                </a:solidFill>
              </a:defRPr>
            </a:lvl1pPr>
            <a:lvl2pPr marL="49066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8133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7200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6266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5333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4400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3466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2533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Master subtitle style</a:t>
            </a:r>
            <a:endParaRPr lang="en-US" dirty="0"/>
          </a:p>
        </p:txBody>
      </p:sp>
      <p:pic>
        <p:nvPicPr>
          <p:cNvPr id="11" name="Picture 10" descr="Horizontal_RED_LG_DIGITAL.emf"/>
          <p:cNvPicPr>
            <a:picLocks/>
          </p:cNvPicPr>
          <p:nvPr/>
        </p:nvPicPr>
        <p:blipFill>
          <a:blip r:embed="rId2" cstate="print">
            <a:lum bright="100000"/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31515" y="6578781"/>
            <a:ext cx="2681555" cy="301945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27728" y="6241070"/>
            <a:ext cx="2389131" cy="30273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84424169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Last Page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4322519" y="3375312"/>
            <a:ext cx="4196250" cy="4725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21238443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>
            <a:extLst>
              <a:ext uri="{FF2B5EF4-FFF2-40B4-BE49-F238E27FC236}">
                <a16:creationId xmlns:a16="http://schemas.microsoft.com/office/drawing/2014/main" id="{CBA2C9CB-0B74-4706-BE86-17F7A72CC602}"/>
              </a:ext>
            </a:extLst>
          </p:cNvPr>
          <p:cNvSpPr/>
          <p:nvPr userDrawn="1"/>
        </p:nvSpPr>
        <p:spPr>
          <a:xfrm>
            <a:off x="10712236" y="6893997"/>
            <a:ext cx="2048959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en-US" sz="1200" b="1" dirty="0">
                <a:solidFill>
                  <a:srgbClr val="009051"/>
                </a:solidFill>
              </a:rPr>
              <a:t>LOCUS AGRICULTURE</a:t>
            </a:r>
          </a:p>
        </p:txBody>
      </p:sp>
    </p:spTree>
    <p:extLst>
      <p:ext uri="{BB962C8B-B14F-4D97-AF65-F5344CB8AC3E}">
        <p14:creationId xmlns:p14="http://schemas.microsoft.com/office/powerpoint/2010/main" val="161023066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496558" y="1464034"/>
            <a:ext cx="3800997" cy="5366894"/>
          </a:xfrm>
          <a:prstGeom prst="rect">
            <a:avLst/>
          </a:prstGeom>
          <a:blipFill>
            <a:blip r:embed="rId2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a:blipFill>
        </p:spPr>
        <p:txBody>
          <a:bodyPr>
            <a:normAutofit/>
          </a:bodyPr>
          <a:lstStyle>
            <a:lvl1pPr marL="263428" indent="-263428" algn="l" defTabSz="95203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329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8364492" y="1464034"/>
            <a:ext cx="3800997" cy="5366894"/>
          </a:xfrm>
          <a:prstGeom prst="rect">
            <a:avLst/>
          </a:prstGeom>
          <a:blipFill>
            <a:blip r:embed="rId2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a:blipFill>
        </p:spPr>
        <p:txBody>
          <a:bodyPr>
            <a:normAutofit/>
          </a:bodyPr>
          <a:lstStyle>
            <a:lvl1pPr marL="263428" indent="-263428" algn="l" defTabSz="95203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329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496555" y="1233341"/>
            <a:ext cx="3800997" cy="428242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 rtl="0">
              <a:buNone/>
              <a:defRPr sz="1553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8364491" y="1233341"/>
            <a:ext cx="3800997" cy="428242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 rtl="0">
              <a:buNone/>
              <a:defRPr sz="1553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4430525" y="1464034"/>
            <a:ext cx="3800997" cy="5366894"/>
          </a:xfrm>
          <a:prstGeom prst="rect">
            <a:avLst/>
          </a:prstGeom>
          <a:blipFill>
            <a:blip r:embed="rId2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a:blipFill>
        </p:spPr>
        <p:txBody>
          <a:bodyPr>
            <a:normAutofit/>
          </a:bodyPr>
          <a:lstStyle>
            <a:lvl1pPr marL="263428" indent="-263428" algn="l" defTabSz="95203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329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4405847" y="1233341"/>
            <a:ext cx="3800997" cy="428242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 rtl="0">
              <a:buNone/>
              <a:defRPr sz="1553" b="1" cap="all" baseline="0"/>
            </a:lvl1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4100264518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496554" y="1361748"/>
            <a:ext cx="11850273" cy="5366894"/>
          </a:xfrm>
          <a:prstGeom prst="rect">
            <a:avLst/>
          </a:prstGeom>
          <a:blipFill>
            <a:blip r:embed="rId2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a:blipFill>
        </p:spPr>
        <p:txBody>
          <a:bodyPr>
            <a:normAutofit/>
          </a:bodyPr>
          <a:lstStyle>
            <a:lvl1pPr marL="240063" indent="-240063" algn="l" defTabSz="867599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122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/>
              <a:t>Wizard Char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20328272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Blank Slide Layout - WHIT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>
            <a:extLst>
              <a:ext uri="{FF2B5EF4-FFF2-40B4-BE49-F238E27FC236}">
                <a16:creationId xmlns:a16="http://schemas.microsoft.com/office/drawing/2014/main" id="{A9056E1B-EF7E-4248-8514-47DA340A95BC}"/>
              </a:ext>
            </a:extLst>
          </p:cNvPr>
          <p:cNvSpPr/>
          <p:nvPr userDrawn="1"/>
        </p:nvSpPr>
        <p:spPr>
          <a:xfrm>
            <a:off x="10712236" y="6893997"/>
            <a:ext cx="2048959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algn="ctr"/>
            <a:r>
              <a:rPr lang="en-US" sz="1200" b="1" dirty="0">
                <a:solidFill>
                  <a:srgbClr val="009051"/>
                </a:solidFill>
              </a:rPr>
              <a:t>LOCUS AGRICULTURE</a:t>
            </a:r>
          </a:p>
        </p:txBody>
      </p:sp>
    </p:spTree>
    <p:extLst>
      <p:ext uri="{BB962C8B-B14F-4D97-AF65-F5344CB8AC3E}">
        <p14:creationId xmlns:p14="http://schemas.microsoft.com/office/powerpoint/2010/main" val="264511079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emf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ags" Target="../tags/tag3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tags" Target="../tags/tag2.xml"/><Relationship Id="rId5" Type="http://schemas.openxmlformats.org/officeDocument/2006/relationships/slideLayout" Target="../slideLayouts/slideLayout5.xml"/><Relationship Id="rId10" Type="http://schemas.openxmlformats.org/officeDocument/2006/relationships/theme" Target="../theme/theme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Slide title"/>
          <p:cNvSpPr>
            <a:spLocks noGrp="1" noChangeArrowheads="1"/>
          </p:cNvSpPr>
          <p:nvPr>
            <p:ph type="title"/>
          </p:nvPr>
        </p:nvSpPr>
        <p:spPr bwMode="gray">
          <a:xfrm>
            <a:off x="236498" y="56430"/>
            <a:ext cx="12189118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  <p:custDataLst>
              <p:tags r:id="rId12"/>
            </p:custDataLst>
          </p:nvPr>
        </p:nvSpPr>
        <p:spPr>
          <a:xfrm>
            <a:off x="236497" y="1355586"/>
            <a:ext cx="12189600" cy="5366894"/>
          </a:xfrm>
          <a:prstGeom prst="rect">
            <a:avLst/>
          </a:prstGeom>
        </p:spPr>
        <p:txBody>
          <a:bodyPr vert="horz" lIns="91440" tIns="45720" rIns="91440" bIns="45720" rtlCol="0" anchor="t" anchorCtr="0">
            <a:normAutofit/>
          </a:bodyPr>
          <a:lstStyle/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</p:txBody>
      </p:sp>
      <p:sp>
        <p:nvSpPr>
          <p:cNvPr id="15" name="SlideNumber"/>
          <p:cNvSpPr/>
          <p:nvPr/>
        </p:nvSpPr>
        <p:spPr>
          <a:xfrm>
            <a:off x="11959557" y="7004304"/>
            <a:ext cx="422386" cy="91440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/>
            <a:fld id="{BB69BBE8-4DB2-4642-B003-B220ACD5A2FD}" type="slidenum">
              <a:rPr lang="en-US" sz="1000" b="1" baseline="0" smtClean="0">
                <a:solidFill>
                  <a:srgbClr val="080808"/>
                </a:solidFill>
                <a:latin typeface="Verdana" pitchFamily="34" charset="0"/>
              </a:rPr>
              <a:pPr algn="ctr"/>
              <a:t>‹#›</a:t>
            </a:fld>
            <a:endParaRPr lang="fr-FR" sz="1000" b="1" dirty="0">
              <a:solidFill>
                <a:srgbClr val="080808"/>
              </a:solidFill>
            </a:endParaRPr>
          </a:p>
        </p:txBody>
      </p:sp>
      <p:pic>
        <p:nvPicPr>
          <p:cNvPr id="12" name="Bain logo" descr="Symbol RED_a_DIGITAL.emf"/>
          <p:cNvPicPr>
            <a:picLocks noChangeAspect="1"/>
          </p:cNvPicPr>
          <p:nvPr/>
        </p:nvPicPr>
        <p:blipFill>
          <a:blip r:embed="rId13" cstate="print"/>
          <a:stretch>
            <a:fillRect/>
          </a:stretch>
        </p:blipFill>
        <p:spPr>
          <a:xfrm>
            <a:off x="12421361" y="6961417"/>
            <a:ext cx="184157" cy="184157"/>
          </a:xfrm>
          <a:prstGeom prst="rect">
            <a:avLst/>
          </a:prstGeom>
        </p:spPr>
      </p:pic>
      <p:sp>
        <p:nvSpPr>
          <p:cNvPr id="2" name="OfficeCode"/>
          <p:cNvSpPr txBox="1"/>
          <p:nvPr userDrawn="1"/>
        </p:nvSpPr>
        <p:spPr>
          <a:xfrm>
            <a:off x="10608111" y="7011543"/>
            <a:ext cx="161904" cy="92333"/>
          </a:xfrm>
          <a:prstGeom prst="rect">
            <a:avLst/>
          </a:prstGeom>
          <a:noFill/>
        </p:spPr>
        <p:txBody>
          <a:bodyPr vert="horz" wrap="none" lIns="0" tIns="0" rIns="0" bIns="0" rtlCol="0">
            <a:spAutoFit/>
          </a:bodyPr>
          <a:lstStyle/>
          <a:p>
            <a:r>
              <a:rPr lang="en-CA" sz="600" dirty="0">
                <a:latin typeface="+mn-lt"/>
              </a:rPr>
              <a:t>TOR</a:t>
            </a:r>
          </a:p>
        </p:txBody>
      </p:sp>
      <p:sp>
        <p:nvSpPr>
          <p:cNvPr id="3" name="CreatedFooter"/>
          <p:cNvSpPr txBox="1"/>
          <p:nvPr userDrawn="1"/>
        </p:nvSpPr>
        <p:spPr>
          <a:xfrm>
            <a:off x="10922415" y="7011543"/>
            <a:ext cx="1106072" cy="92333"/>
          </a:xfrm>
          <a:prstGeom prst="rect">
            <a:avLst/>
          </a:prstGeom>
          <a:noFill/>
        </p:spPr>
        <p:txBody>
          <a:bodyPr vert="horz" wrap="none" lIns="0" tIns="0" rIns="0" bIns="0" rtlCol="0">
            <a:spAutoFit/>
          </a:bodyPr>
          <a:lstStyle/>
          <a:p>
            <a:r>
              <a:rPr lang="fr-FR" sz="600">
                <a:latin typeface="+mn-lt"/>
              </a:rPr>
              <a:t>Presentations 2.0 Templates</a:t>
            </a:r>
            <a:endParaRPr lang="en-CA" sz="600" dirty="0">
              <a:latin typeface="+mn-lt"/>
            </a:endParaRPr>
          </a:p>
        </p:txBody>
      </p:sp>
    </p:spTree>
    <p:custDataLst>
      <p:tags r:id="rId11"/>
    </p:custDataLst>
    <p:extLst>
      <p:ext uri="{BB962C8B-B14F-4D97-AF65-F5344CB8AC3E}">
        <p14:creationId xmlns:p14="http://schemas.microsoft.com/office/powerpoint/2010/main" val="190698865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9" r:id="rId7"/>
    <p:sldLayoutId id="2147483670" r:id="rId8"/>
    <p:sldLayoutId id="2147483671" r:id="rId9"/>
  </p:sldLayoutIdLst>
  <p:txStyles>
    <p:titleStyle>
      <a:lvl1pPr algn="l" defTabSz="981334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1463" marR="0" indent="-271463" algn="l" defTabSz="981075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18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4675" marR="0" indent="-119063" algn="l" defTabSz="98107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6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52513" marR="0" indent="-287338" algn="l" defTabSz="98107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6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3896" marR="0" indent="-210312" algn="l" defTabSz="981334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600" kern="1200">
          <a:solidFill>
            <a:schemeClr val="tx1"/>
          </a:solidFill>
          <a:latin typeface="+mn-lt"/>
          <a:ea typeface="+mn-ea"/>
          <a:cs typeface="+mn-cs"/>
        </a:defRPr>
      </a:lvl4pPr>
      <a:lvl5pPr marL="2208002" indent="-245334" algn="l" defTabSz="981334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8669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9336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80003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70670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81334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90667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81334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72001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62668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53335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44002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34669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25336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tiff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6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5.xml"/><Relationship Id="rId1" Type="http://schemas.openxmlformats.org/officeDocument/2006/relationships/tags" Target="../tags/tag24.xml"/><Relationship Id="rId4" Type="http://schemas.openxmlformats.org/officeDocument/2006/relationships/notesSlide" Target="../notesSlides/notesSlide8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7.xml"/><Relationship Id="rId1" Type="http://schemas.openxmlformats.org/officeDocument/2006/relationships/tags" Target="../tags/tag26.xml"/><Relationship Id="rId5" Type="http://schemas.openxmlformats.org/officeDocument/2006/relationships/image" Target="../media/image26.png"/><Relationship Id="rId4" Type="http://schemas.openxmlformats.org/officeDocument/2006/relationships/notesSlide" Target="../notesSlides/notesSlide9.xml"/></Relationships>
</file>

<file path=ppt/slides/_rels/slide1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6.xml"/><Relationship Id="rId13" Type="http://schemas.openxmlformats.org/officeDocument/2006/relationships/image" Target="../media/image30.png"/><Relationship Id="rId18" Type="http://schemas.openxmlformats.org/officeDocument/2006/relationships/image" Target="../media/image35.png"/><Relationship Id="rId3" Type="http://schemas.openxmlformats.org/officeDocument/2006/relationships/tags" Target="../tags/tag30.xml"/><Relationship Id="rId7" Type="http://schemas.openxmlformats.org/officeDocument/2006/relationships/tags" Target="../tags/tag34.xml"/><Relationship Id="rId12" Type="http://schemas.openxmlformats.org/officeDocument/2006/relationships/image" Target="../media/image29.png"/><Relationship Id="rId17" Type="http://schemas.openxmlformats.org/officeDocument/2006/relationships/image" Target="../media/image34.jpeg"/><Relationship Id="rId2" Type="http://schemas.openxmlformats.org/officeDocument/2006/relationships/tags" Target="../tags/tag29.xml"/><Relationship Id="rId16" Type="http://schemas.openxmlformats.org/officeDocument/2006/relationships/image" Target="../media/image33.jpeg"/><Relationship Id="rId1" Type="http://schemas.openxmlformats.org/officeDocument/2006/relationships/tags" Target="../tags/tag28.xml"/><Relationship Id="rId6" Type="http://schemas.openxmlformats.org/officeDocument/2006/relationships/tags" Target="../tags/tag33.xml"/><Relationship Id="rId11" Type="http://schemas.openxmlformats.org/officeDocument/2006/relationships/image" Target="../media/image28.png"/><Relationship Id="rId5" Type="http://schemas.openxmlformats.org/officeDocument/2006/relationships/tags" Target="../tags/tag32.xml"/><Relationship Id="rId15" Type="http://schemas.openxmlformats.org/officeDocument/2006/relationships/image" Target="../media/image32.jpeg"/><Relationship Id="rId10" Type="http://schemas.openxmlformats.org/officeDocument/2006/relationships/image" Target="../media/image27.png"/><Relationship Id="rId4" Type="http://schemas.openxmlformats.org/officeDocument/2006/relationships/tags" Target="../tags/tag31.xml"/><Relationship Id="rId9" Type="http://schemas.openxmlformats.org/officeDocument/2006/relationships/image" Target="../media/image26.png"/><Relationship Id="rId14" Type="http://schemas.openxmlformats.org/officeDocument/2006/relationships/image" Target="../media/image31.jpe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tags" Target="../tags/tag36.xml"/><Relationship Id="rId1" Type="http://schemas.openxmlformats.org/officeDocument/2006/relationships/tags" Target="../tags/tag35.xml"/><Relationship Id="rId4" Type="http://schemas.openxmlformats.org/officeDocument/2006/relationships/image" Target="../media/image26.png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38.xml"/><Relationship Id="rId1" Type="http://schemas.openxmlformats.org/officeDocument/2006/relationships/tags" Target="../tags/tag37.xml"/><Relationship Id="rId4" Type="http://schemas.openxmlformats.org/officeDocument/2006/relationships/notesSlide" Target="../notesSlides/notesSlide10.xml"/></Relationships>
</file>

<file path=ppt/slides/_rels/slide16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.xml"/><Relationship Id="rId3" Type="http://schemas.openxmlformats.org/officeDocument/2006/relationships/tags" Target="../tags/tag41.xml"/><Relationship Id="rId7" Type="http://schemas.openxmlformats.org/officeDocument/2006/relationships/tags" Target="../tags/tag45.xml"/><Relationship Id="rId2" Type="http://schemas.openxmlformats.org/officeDocument/2006/relationships/tags" Target="../tags/tag40.xml"/><Relationship Id="rId1" Type="http://schemas.openxmlformats.org/officeDocument/2006/relationships/tags" Target="../tags/tag39.xml"/><Relationship Id="rId6" Type="http://schemas.openxmlformats.org/officeDocument/2006/relationships/tags" Target="../tags/tag44.xml"/><Relationship Id="rId5" Type="http://schemas.openxmlformats.org/officeDocument/2006/relationships/tags" Target="../tags/tag43.xml"/><Relationship Id="rId4" Type="http://schemas.openxmlformats.org/officeDocument/2006/relationships/tags" Target="../tags/tag42.xml"/><Relationship Id="rId9" Type="http://schemas.openxmlformats.org/officeDocument/2006/relationships/notesSlide" Target="../notesSlides/notesSlide11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7" Type="http://schemas.microsoft.com/office/2007/relationships/hdphoto" Target="../media/hdphoto1.wdp"/><Relationship Id="rId2" Type="http://schemas.openxmlformats.org/officeDocument/2006/relationships/tags" Target="../tags/tag47.xml"/><Relationship Id="rId1" Type="http://schemas.openxmlformats.org/officeDocument/2006/relationships/tags" Target="../tags/tag46.xml"/><Relationship Id="rId6" Type="http://schemas.openxmlformats.org/officeDocument/2006/relationships/image" Target="../media/image37.png"/><Relationship Id="rId5" Type="http://schemas.openxmlformats.org/officeDocument/2006/relationships/image" Target="../media/image36.png"/><Relationship Id="rId4" Type="http://schemas.openxmlformats.org/officeDocument/2006/relationships/notesSlide" Target="../notesSlides/notesSlide12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8.jpeg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8" Type="http://schemas.openxmlformats.org/officeDocument/2006/relationships/slide" Target="slide32.xml"/><Relationship Id="rId13" Type="http://schemas.openxmlformats.org/officeDocument/2006/relationships/slide" Target="slide37.xml"/><Relationship Id="rId18" Type="http://schemas.openxmlformats.org/officeDocument/2006/relationships/slide" Target="slide42.xml"/><Relationship Id="rId3" Type="http://schemas.openxmlformats.org/officeDocument/2006/relationships/slide" Target="slide25.xml"/><Relationship Id="rId7" Type="http://schemas.openxmlformats.org/officeDocument/2006/relationships/slide" Target="slide31.xml"/><Relationship Id="rId12" Type="http://schemas.openxmlformats.org/officeDocument/2006/relationships/slide" Target="slide36.xml"/><Relationship Id="rId17" Type="http://schemas.openxmlformats.org/officeDocument/2006/relationships/slide" Target="slide41.xml"/><Relationship Id="rId2" Type="http://schemas.openxmlformats.org/officeDocument/2006/relationships/slideLayout" Target="../slideLayouts/slideLayout2.xml"/><Relationship Id="rId16" Type="http://schemas.openxmlformats.org/officeDocument/2006/relationships/slide" Target="slide40.xml"/><Relationship Id="rId1" Type="http://schemas.openxmlformats.org/officeDocument/2006/relationships/tags" Target="../tags/tag48.xml"/><Relationship Id="rId6" Type="http://schemas.openxmlformats.org/officeDocument/2006/relationships/slide" Target="slide30.xml"/><Relationship Id="rId11" Type="http://schemas.openxmlformats.org/officeDocument/2006/relationships/slide" Target="slide35.xml"/><Relationship Id="rId5" Type="http://schemas.openxmlformats.org/officeDocument/2006/relationships/slide" Target="slide29.xml"/><Relationship Id="rId15" Type="http://schemas.openxmlformats.org/officeDocument/2006/relationships/slide" Target="slide39.xml"/><Relationship Id="rId10" Type="http://schemas.openxmlformats.org/officeDocument/2006/relationships/slide" Target="slide34.xml"/><Relationship Id="rId19" Type="http://schemas.openxmlformats.org/officeDocument/2006/relationships/slide" Target="slide43.xml"/><Relationship Id="rId4" Type="http://schemas.openxmlformats.org/officeDocument/2006/relationships/slide" Target="slide26.xml"/><Relationship Id="rId9" Type="http://schemas.openxmlformats.org/officeDocument/2006/relationships/slide" Target="slide33.xml"/><Relationship Id="rId14" Type="http://schemas.openxmlformats.org/officeDocument/2006/relationships/slide" Target="slide38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5.xml"/><Relationship Id="rId1" Type="http://schemas.openxmlformats.org/officeDocument/2006/relationships/tags" Target="../tags/tag4.xml"/><Relationship Id="rId4" Type="http://schemas.openxmlformats.org/officeDocument/2006/relationships/notesSlide" Target="../notesSlides/notesSlide2.xml"/></Relationships>
</file>

<file path=ppt/slides/_rels/slide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43.jpeg"/><Relationship Id="rId13" Type="http://schemas.openxmlformats.org/officeDocument/2006/relationships/image" Target="../media/image48.png"/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42.jpeg"/><Relationship Id="rId12" Type="http://schemas.openxmlformats.org/officeDocument/2006/relationships/image" Target="../media/image47.jpeg"/><Relationship Id="rId2" Type="http://schemas.openxmlformats.org/officeDocument/2006/relationships/audio" Target="../media/media1.m4a"/><Relationship Id="rId1" Type="http://schemas.microsoft.com/office/2007/relationships/media" Target="../media/media1.m4a"/><Relationship Id="rId6" Type="http://schemas.openxmlformats.org/officeDocument/2006/relationships/image" Target="../media/image41.jpeg"/><Relationship Id="rId11" Type="http://schemas.openxmlformats.org/officeDocument/2006/relationships/image" Target="../media/image46.jpeg"/><Relationship Id="rId5" Type="http://schemas.openxmlformats.org/officeDocument/2006/relationships/image" Target="../media/image40.jpeg"/><Relationship Id="rId10" Type="http://schemas.openxmlformats.org/officeDocument/2006/relationships/image" Target="../media/image45.jpeg"/><Relationship Id="rId4" Type="http://schemas.openxmlformats.org/officeDocument/2006/relationships/image" Target="../media/image39.png"/><Relationship Id="rId9" Type="http://schemas.openxmlformats.org/officeDocument/2006/relationships/image" Target="../media/image44.jpeg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microsoft.com/office/2007/relationships/media" Target="../media/media2.m4a"/><Relationship Id="rId1" Type="http://schemas.openxmlformats.org/officeDocument/2006/relationships/audio" Target="NULL" TargetMode="External"/><Relationship Id="rId5" Type="http://schemas.openxmlformats.org/officeDocument/2006/relationships/image" Target="../media/image48.png"/><Relationship Id="rId4" Type="http://schemas.openxmlformats.org/officeDocument/2006/relationships/image" Target="../media/image49.jpg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50.png"/><Relationship Id="rId1" Type="http://schemas.openxmlformats.org/officeDocument/2006/relationships/slideLayout" Target="../slideLayouts/slideLayout2.xml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50.xml"/><Relationship Id="rId1" Type="http://schemas.openxmlformats.org/officeDocument/2006/relationships/tags" Target="../tags/tag49.xml"/><Relationship Id="rId4" Type="http://schemas.openxmlformats.org/officeDocument/2006/relationships/notesSlide" Target="../notesSlides/notesSlide14.xml"/></Relationships>
</file>

<file path=ppt/slides/_rels/slide24.xml.rels><?xml version="1.0" encoding="UTF-8" standalone="yes"?>
<Relationships xmlns="http://schemas.openxmlformats.org/package/2006/relationships"><Relationship Id="rId8" Type="http://schemas.openxmlformats.org/officeDocument/2006/relationships/slide" Target="slide32.xml"/><Relationship Id="rId13" Type="http://schemas.openxmlformats.org/officeDocument/2006/relationships/slide" Target="slide37.xml"/><Relationship Id="rId18" Type="http://schemas.openxmlformats.org/officeDocument/2006/relationships/slide" Target="slide42.xml"/><Relationship Id="rId3" Type="http://schemas.openxmlformats.org/officeDocument/2006/relationships/slide" Target="slide25.xml"/><Relationship Id="rId7" Type="http://schemas.openxmlformats.org/officeDocument/2006/relationships/slide" Target="slide31.xml"/><Relationship Id="rId12" Type="http://schemas.openxmlformats.org/officeDocument/2006/relationships/slide" Target="slide36.xml"/><Relationship Id="rId17" Type="http://schemas.openxmlformats.org/officeDocument/2006/relationships/slide" Target="slide41.xml"/><Relationship Id="rId2" Type="http://schemas.openxmlformats.org/officeDocument/2006/relationships/slideLayout" Target="../slideLayouts/slideLayout2.xml"/><Relationship Id="rId16" Type="http://schemas.openxmlformats.org/officeDocument/2006/relationships/slide" Target="slide40.xml"/><Relationship Id="rId1" Type="http://schemas.openxmlformats.org/officeDocument/2006/relationships/tags" Target="../tags/tag51.xml"/><Relationship Id="rId6" Type="http://schemas.openxmlformats.org/officeDocument/2006/relationships/slide" Target="slide30.xml"/><Relationship Id="rId11" Type="http://schemas.openxmlformats.org/officeDocument/2006/relationships/slide" Target="slide35.xml"/><Relationship Id="rId5" Type="http://schemas.openxmlformats.org/officeDocument/2006/relationships/slide" Target="slide29.xml"/><Relationship Id="rId15" Type="http://schemas.openxmlformats.org/officeDocument/2006/relationships/slide" Target="slide39.xml"/><Relationship Id="rId10" Type="http://schemas.openxmlformats.org/officeDocument/2006/relationships/slide" Target="slide34.xml"/><Relationship Id="rId19" Type="http://schemas.openxmlformats.org/officeDocument/2006/relationships/slide" Target="slide43.xml"/><Relationship Id="rId4" Type="http://schemas.openxmlformats.org/officeDocument/2006/relationships/slide" Target="slide26.xml"/><Relationship Id="rId9" Type="http://schemas.openxmlformats.org/officeDocument/2006/relationships/slide" Target="slide33.xml"/><Relationship Id="rId14" Type="http://schemas.openxmlformats.org/officeDocument/2006/relationships/slide" Target="slide38.xml"/></Relationships>
</file>

<file path=ppt/slides/_rels/slide2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6.xml"/></Relationships>
</file>

<file path=ppt/slides/_rels/slide2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6.xml"/></Relationships>
</file>

<file path=ppt/slides/_rels/slide27.xml.rels><?xml version="1.0" encoding="UTF-8" standalone="yes"?>
<Relationships xmlns="http://schemas.openxmlformats.org/package/2006/relationships"><Relationship Id="rId8" Type="http://schemas.openxmlformats.org/officeDocument/2006/relationships/notesSlide" Target="../notesSlides/notesSlide17.xml"/><Relationship Id="rId3" Type="http://schemas.openxmlformats.org/officeDocument/2006/relationships/tags" Target="../tags/tag54.xml"/><Relationship Id="rId7" Type="http://schemas.openxmlformats.org/officeDocument/2006/relationships/slideLayout" Target="../slideLayouts/slideLayout6.xml"/><Relationship Id="rId2" Type="http://schemas.openxmlformats.org/officeDocument/2006/relationships/tags" Target="../tags/tag53.xml"/><Relationship Id="rId1" Type="http://schemas.openxmlformats.org/officeDocument/2006/relationships/tags" Target="../tags/tag52.xml"/><Relationship Id="rId6" Type="http://schemas.openxmlformats.org/officeDocument/2006/relationships/tags" Target="../tags/tag57.xml"/><Relationship Id="rId5" Type="http://schemas.openxmlformats.org/officeDocument/2006/relationships/tags" Target="../tags/tag56.xml"/><Relationship Id="rId4" Type="http://schemas.openxmlformats.org/officeDocument/2006/relationships/tags" Target="../tags/tag55.xml"/><Relationship Id="rId9" Type="http://schemas.openxmlformats.org/officeDocument/2006/relationships/image" Target="../media/image26.png"/></Relationships>
</file>

<file path=ppt/slides/_rels/slide28.xml.rels><?xml version="1.0" encoding="UTF-8" standalone="yes"?>
<Relationships xmlns="http://schemas.openxmlformats.org/package/2006/relationships"><Relationship Id="rId8" Type="http://schemas.openxmlformats.org/officeDocument/2006/relationships/image" Target="../media/image51.tiff"/><Relationship Id="rId3" Type="http://schemas.openxmlformats.org/officeDocument/2006/relationships/tags" Target="../tags/tag60.xml"/><Relationship Id="rId7" Type="http://schemas.openxmlformats.org/officeDocument/2006/relationships/image" Target="../media/image22.tiff"/><Relationship Id="rId2" Type="http://schemas.openxmlformats.org/officeDocument/2006/relationships/tags" Target="../tags/tag59.xml"/><Relationship Id="rId1" Type="http://schemas.openxmlformats.org/officeDocument/2006/relationships/tags" Target="../tags/tag58.xml"/><Relationship Id="rId6" Type="http://schemas.openxmlformats.org/officeDocument/2006/relationships/notesSlide" Target="../notesSlides/notesSlide18.xml"/><Relationship Id="rId5" Type="http://schemas.openxmlformats.org/officeDocument/2006/relationships/slideLayout" Target="../slideLayouts/slideLayout6.xml"/><Relationship Id="rId10" Type="http://schemas.openxmlformats.org/officeDocument/2006/relationships/image" Target="../media/image52.tiff"/><Relationship Id="rId4" Type="http://schemas.openxmlformats.org/officeDocument/2006/relationships/tags" Target="../tags/tag61.xml"/><Relationship Id="rId9" Type="http://schemas.openxmlformats.org/officeDocument/2006/relationships/image" Target="../media/image23.tiff"/></Relationships>
</file>

<file path=ppt/slides/_rels/slide2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.png"/><Relationship Id="rId3" Type="http://schemas.openxmlformats.org/officeDocument/2006/relationships/image" Target="../media/image8.png"/><Relationship Id="rId7" Type="http://schemas.openxmlformats.org/officeDocument/2006/relationships/image" Target="../media/image12.tiff"/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11.png"/><Relationship Id="rId11" Type="http://schemas.openxmlformats.org/officeDocument/2006/relationships/image" Target="../media/image16.tiff"/><Relationship Id="rId5" Type="http://schemas.openxmlformats.org/officeDocument/2006/relationships/image" Target="../media/image10.png"/><Relationship Id="rId10" Type="http://schemas.openxmlformats.org/officeDocument/2006/relationships/image" Target="../media/image15.tiff"/><Relationship Id="rId4" Type="http://schemas.openxmlformats.org/officeDocument/2006/relationships/image" Target="../media/image9.png"/><Relationship Id="rId9" Type="http://schemas.openxmlformats.org/officeDocument/2006/relationships/image" Target="../media/image14.png"/></Relationships>
</file>

<file path=ppt/slides/_rels/slide30.xml.rels><?xml version="1.0" encoding="UTF-8" standalone="yes"?>
<Relationships xmlns="http://schemas.openxmlformats.org/package/2006/relationships"><Relationship Id="rId8" Type="http://schemas.openxmlformats.org/officeDocument/2006/relationships/tags" Target="../tags/tag69.xml"/><Relationship Id="rId13" Type="http://schemas.openxmlformats.org/officeDocument/2006/relationships/image" Target="../media/image55.tiff"/><Relationship Id="rId3" Type="http://schemas.openxmlformats.org/officeDocument/2006/relationships/tags" Target="../tags/tag64.xml"/><Relationship Id="rId7" Type="http://schemas.openxmlformats.org/officeDocument/2006/relationships/tags" Target="../tags/tag68.xml"/><Relationship Id="rId12" Type="http://schemas.openxmlformats.org/officeDocument/2006/relationships/image" Target="../media/image54.tiff"/><Relationship Id="rId2" Type="http://schemas.openxmlformats.org/officeDocument/2006/relationships/tags" Target="../tags/tag63.xml"/><Relationship Id="rId1" Type="http://schemas.openxmlformats.org/officeDocument/2006/relationships/tags" Target="../tags/tag62.xml"/><Relationship Id="rId6" Type="http://schemas.openxmlformats.org/officeDocument/2006/relationships/tags" Target="../tags/tag67.xml"/><Relationship Id="rId11" Type="http://schemas.openxmlformats.org/officeDocument/2006/relationships/image" Target="../media/image53.tiff"/><Relationship Id="rId5" Type="http://schemas.openxmlformats.org/officeDocument/2006/relationships/tags" Target="../tags/tag66.xml"/><Relationship Id="rId10" Type="http://schemas.openxmlformats.org/officeDocument/2006/relationships/notesSlide" Target="../notesSlides/notesSlide19.xml"/><Relationship Id="rId4" Type="http://schemas.openxmlformats.org/officeDocument/2006/relationships/tags" Target="../tags/tag65.xml"/><Relationship Id="rId9" Type="http://schemas.openxmlformats.org/officeDocument/2006/relationships/slideLayout" Target="../slideLayouts/slideLayout6.xml"/><Relationship Id="rId14" Type="http://schemas.openxmlformats.org/officeDocument/2006/relationships/image" Target="../media/image56.tiff"/></Relationships>
</file>

<file path=ppt/slides/_rels/slide3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0.xml"/><Relationship Id="rId1" Type="http://schemas.openxmlformats.org/officeDocument/2006/relationships/slideLayout" Target="../slideLayouts/slideLayout6.xml"/></Relationships>
</file>

<file path=ppt/slides/_rels/slide32.xml.rels><?xml version="1.0" encoding="UTF-8" standalone="yes"?>
<Relationships xmlns="http://schemas.openxmlformats.org/package/2006/relationships"><Relationship Id="rId8" Type="http://schemas.openxmlformats.org/officeDocument/2006/relationships/tags" Target="../tags/tag77.xml"/><Relationship Id="rId3" Type="http://schemas.openxmlformats.org/officeDocument/2006/relationships/tags" Target="../tags/tag72.xml"/><Relationship Id="rId7" Type="http://schemas.openxmlformats.org/officeDocument/2006/relationships/tags" Target="../tags/tag76.xml"/><Relationship Id="rId2" Type="http://schemas.openxmlformats.org/officeDocument/2006/relationships/tags" Target="../tags/tag71.xml"/><Relationship Id="rId1" Type="http://schemas.openxmlformats.org/officeDocument/2006/relationships/tags" Target="../tags/tag70.xml"/><Relationship Id="rId6" Type="http://schemas.openxmlformats.org/officeDocument/2006/relationships/tags" Target="../tags/tag75.xml"/><Relationship Id="rId5" Type="http://schemas.openxmlformats.org/officeDocument/2006/relationships/tags" Target="../tags/tag74.xml"/><Relationship Id="rId4" Type="http://schemas.openxmlformats.org/officeDocument/2006/relationships/tags" Target="../tags/tag73.xml"/><Relationship Id="rId9" Type="http://schemas.openxmlformats.org/officeDocument/2006/relationships/slideLayout" Target="../slideLayouts/slideLayout6.xml"/></Relationships>
</file>

<file path=ppt/slides/_rels/slide3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1.xml"/><Relationship Id="rId1" Type="http://schemas.openxmlformats.org/officeDocument/2006/relationships/slideLayout" Target="../slideLayouts/slideLayout2.xml"/></Relationships>
</file>

<file path=ppt/slides/_rels/slide34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6.xml"/><Relationship Id="rId1" Type="http://schemas.openxmlformats.org/officeDocument/2006/relationships/tags" Target="../tags/tag78.xml"/></Relationships>
</file>

<file path=ppt/slides/_rels/slide35.xml.rels><?xml version="1.0" encoding="UTF-8" standalone="yes"?>
<Relationships xmlns="http://schemas.openxmlformats.org/package/2006/relationships"><Relationship Id="rId3" Type="http://schemas.openxmlformats.org/officeDocument/2006/relationships/tags" Target="../tags/tag81.xml"/><Relationship Id="rId7" Type="http://schemas.openxmlformats.org/officeDocument/2006/relationships/image" Target="../media/image59.tiff"/><Relationship Id="rId2" Type="http://schemas.openxmlformats.org/officeDocument/2006/relationships/tags" Target="../tags/tag80.xml"/><Relationship Id="rId1" Type="http://schemas.openxmlformats.org/officeDocument/2006/relationships/tags" Target="../tags/tag79.xml"/><Relationship Id="rId6" Type="http://schemas.openxmlformats.org/officeDocument/2006/relationships/image" Target="../media/image58.tiff"/><Relationship Id="rId5" Type="http://schemas.openxmlformats.org/officeDocument/2006/relationships/image" Target="../media/image57.png"/><Relationship Id="rId4" Type="http://schemas.openxmlformats.org/officeDocument/2006/relationships/slideLayout" Target="../slideLayouts/slideLayout6.xml"/></Relationships>
</file>

<file path=ppt/slides/_rels/slide36.xml.rels><?xml version="1.0" encoding="UTF-8" standalone="yes"?>
<Relationships xmlns="http://schemas.openxmlformats.org/package/2006/relationships"><Relationship Id="rId8" Type="http://schemas.openxmlformats.org/officeDocument/2006/relationships/image" Target="../media/image60.tiff"/><Relationship Id="rId3" Type="http://schemas.openxmlformats.org/officeDocument/2006/relationships/diagramData" Target="../diagrams/data1.xml"/><Relationship Id="rId7" Type="http://schemas.microsoft.com/office/2007/relationships/diagramDrawing" Target="../diagrams/drawing1.xml"/><Relationship Id="rId2" Type="http://schemas.openxmlformats.org/officeDocument/2006/relationships/notesSlide" Target="../notesSlides/notesSlide22.xml"/><Relationship Id="rId1" Type="http://schemas.openxmlformats.org/officeDocument/2006/relationships/slideLayout" Target="../slideLayouts/slideLayout2.xml"/><Relationship Id="rId6" Type="http://schemas.openxmlformats.org/officeDocument/2006/relationships/diagramColors" Target="../diagrams/colors1.xml"/><Relationship Id="rId5" Type="http://schemas.openxmlformats.org/officeDocument/2006/relationships/diagramQuickStyle" Target="../diagrams/quickStyle1.xml"/><Relationship Id="rId4" Type="http://schemas.openxmlformats.org/officeDocument/2006/relationships/diagramLayout" Target="../diagrams/layout1.xml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62.png"/><Relationship Id="rId2" Type="http://schemas.openxmlformats.org/officeDocument/2006/relationships/image" Target="../media/image61.png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63.png"/></Relationships>
</file>

<file path=ppt/slides/_rels/slide3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3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82.xml"/></Relationships>
</file>

<file path=ppt/slides/_rels/slide3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tags" Target="../tags/tag13.xml"/><Relationship Id="rId13" Type="http://schemas.openxmlformats.org/officeDocument/2006/relationships/tags" Target="../tags/tag18.xml"/><Relationship Id="rId3" Type="http://schemas.openxmlformats.org/officeDocument/2006/relationships/tags" Target="../tags/tag8.xml"/><Relationship Id="rId7" Type="http://schemas.openxmlformats.org/officeDocument/2006/relationships/tags" Target="../tags/tag12.xml"/><Relationship Id="rId12" Type="http://schemas.openxmlformats.org/officeDocument/2006/relationships/tags" Target="../tags/tag17.xml"/><Relationship Id="rId2" Type="http://schemas.openxmlformats.org/officeDocument/2006/relationships/tags" Target="../tags/tag7.xml"/><Relationship Id="rId1" Type="http://schemas.openxmlformats.org/officeDocument/2006/relationships/tags" Target="../tags/tag6.xml"/><Relationship Id="rId6" Type="http://schemas.openxmlformats.org/officeDocument/2006/relationships/tags" Target="../tags/tag11.xml"/><Relationship Id="rId11" Type="http://schemas.openxmlformats.org/officeDocument/2006/relationships/tags" Target="../tags/tag16.xml"/><Relationship Id="rId5" Type="http://schemas.openxmlformats.org/officeDocument/2006/relationships/tags" Target="../tags/tag10.xml"/><Relationship Id="rId15" Type="http://schemas.openxmlformats.org/officeDocument/2006/relationships/notesSlide" Target="../notesSlides/notesSlide3.xml"/><Relationship Id="rId10" Type="http://schemas.openxmlformats.org/officeDocument/2006/relationships/tags" Target="../tags/tag15.xml"/><Relationship Id="rId4" Type="http://schemas.openxmlformats.org/officeDocument/2006/relationships/tags" Target="../tags/tag9.xml"/><Relationship Id="rId9" Type="http://schemas.openxmlformats.org/officeDocument/2006/relationships/tags" Target="../tags/tag14.xml"/><Relationship Id="rId14" Type="http://schemas.openxmlformats.org/officeDocument/2006/relationships/slideLayout" Target="../slideLayouts/slideLayout9.xml"/></Relationships>
</file>

<file path=ppt/slides/_rels/slide40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4.xml"/><Relationship Id="rId1" Type="http://schemas.openxmlformats.org/officeDocument/2006/relationships/slideLayout" Target="../slideLayouts/slideLayout6.xml"/></Relationships>
</file>

<file path=ppt/slides/_rels/slide41.xml.rels><?xml version="1.0" encoding="UTF-8" standalone="yes"?>
<Relationships xmlns="http://schemas.openxmlformats.org/package/2006/relationships"><Relationship Id="rId2" Type="http://schemas.openxmlformats.org/officeDocument/2006/relationships/chart" Target="../charts/chart1.xml"/><Relationship Id="rId1" Type="http://schemas.openxmlformats.org/officeDocument/2006/relationships/slideLayout" Target="../slideLayouts/slideLayout6.xml"/></Relationships>
</file>

<file path=ppt/slides/_rels/slide42.xml.rels><?xml version="1.0" encoding="UTF-8" standalone="yes"?>
<Relationships xmlns="http://schemas.openxmlformats.org/package/2006/relationships"><Relationship Id="rId3" Type="http://schemas.openxmlformats.org/officeDocument/2006/relationships/chart" Target="../charts/chart2.xml"/><Relationship Id="rId2" Type="http://schemas.openxmlformats.org/officeDocument/2006/relationships/notesSlide" Target="../notesSlides/notesSlide25.xml"/><Relationship Id="rId1" Type="http://schemas.openxmlformats.org/officeDocument/2006/relationships/slideLayout" Target="../slideLayouts/slideLayout6.xml"/></Relationships>
</file>

<file path=ppt/slides/_rels/slide43.xml.rels><?xml version="1.0" encoding="UTF-8" standalone="yes"?>
<Relationships xmlns="http://schemas.openxmlformats.org/package/2006/relationships"><Relationship Id="rId3" Type="http://schemas.microsoft.com/office/2007/relationships/hdphoto" Target="../media/hdphoto2.wdp"/><Relationship Id="rId2" Type="http://schemas.openxmlformats.org/officeDocument/2006/relationships/image" Target="../media/image64.png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67.png"/><Relationship Id="rId5" Type="http://schemas.openxmlformats.org/officeDocument/2006/relationships/image" Target="../media/image66.png"/><Relationship Id="rId4" Type="http://schemas.openxmlformats.org/officeDocument/2006/relationships/image" Target="../media/image65.png"/></Relationships>
</file>

<file path=ppt/slides/_rels/slide44.xml.rels><?xml version="1.0" encoding="UTF-8" standalone="yes"?>
<Relationships xmlns="http://schemas.openxmlformats.org/package/2006/relationships"><Relationship Id="rId8" Type="http://schemas.openxmlformats.org/officeDocument/2006/relationships/hyperlink" Target="https://economictimes.indiatimes.com/news/economy/agriculture/half-of-rural-india-still-doesnt-own-agricultural-land-secc-2011/articleshow/48062767.cms?from=mdr" TargetMode="External"/><Relationship Id="rId13" Type="http://schemas.openxmlformats.org/officeDocument/2006/relationships/hyperlink" Target="https://in.reuters.com/article/us-money-investing-esg/your-money-family-offices-lead-the-way-on-impact-investing-idINKBN20417Q" TargetMode="External"/><Relationship Id="rId18" Type="http://schemas.openxmlformats.org/officeDocument/2006/relationships/hyperlink" Target="https://www.businesstoday.in/moneytoday/investment/investment-tip-on-setting-financial-goals/story/190972.html" TargetMode="External"/><Relationship Id="rId3" Type="http://schemas.openxmlformats.org/officeDocument/2006/relationships/hyperlink" Target="https://niti.gov.in/writereaddata/files/document_publication/DOUBLING%20FARMERS%20INCOME.pdf" TargetMode="External"/><Relationship Id="rId7" Type="http://schemas.openxmlformats.org/officeDocument/2006/relationships/hyperlink" Target="https://www.freeimages.com/photo/ricefield-1375627" TargetMode="External"/><Relationship Id="rId12" Type="http://schemas.openxmlformats.org/officeDocument/2006/relationships/hyperlink" Target="https://www.livemint.com/industry/agriculture/why-crop-insurance-needs-to-be-better-designed-1562741755465.html" TargetMode="External"/><Relationship Id="rId17" Type="http://schemas.openxmlformats.org/officeDocument/2006/relationships/hyperlink" Target="https://economictimes.indiatimes.com/industry/services/property-/-cstruction/reits-may-help-generate-14-return-annually-to-investors-anarock/articleshow/67526986.cms?from=mdr" TargetMode="External"/><Relationship Id="rId2" Type="http://schemas.openxmlformats.org/officeDocument/2006/relationships/notesSlide" Target="../notesSlides/notesSlide26.xml"/><Relationship Id="rId16" Type="http://schemas.openxmlformats.org/officeDocument/2006/relationships/hyperlink" Target="https://www.forbes.com/sites/kjartanrist/2018/11/30/why-venture-capital-is-the-original-impact-investing/#1c6ae11353f3" TargetMode="External"/><Relationship Id="rId20" Type="http://schemas.openxmlformats.org/officeDocument/2006/relationships/hyperlink" Target="https://www.livemint.com/market/stock-market-news/India-bond-yields-fall-10-bps-as-government-sticks-to-borrowing-numbers-11580701444121.html" TargetMode="External"/><Relationship Id="rId1" Type="http://schemas.openxmlformats.org/officeDocument/2006/relationships/slideLayout" Target="../slideLayouts/slideLayout2.xml"/><Relationship Id="rId6" Type="http://schemas.openxmlformats.org/officeDocument/2006/relationships/hyperlink" Target="https://yourstory.com/2016/07/harish-dhandev" TargetMode="External"/><Relationship Id="rId11" Type="http://schemas.openxmlformats.org/officeDocument/2006/relationships/hyperlink" Target="https://www.livemint.com/Politics/SOG43o5ypqO13j0QflaawM/The-land-challenge-underlying-Indias-farm-crisis.html" TargetMode="External"/><Relationship Id="rId5" Type="http://schemas.openxmlformats.org/officeDocument/2006/relationships/hyperlink" Target="https://economictimes.indiatimes.com/news/economy/agriculture/heres-a-happy-farm-story-from-a-small-jammu-village/high-demand/slideshow/65805772.cms" TargetMode="External"/><Relationship Id="rId15" Type="http://schemas.openxmlformats.org/officeDocument/2006/relationships/hyperlink" Target="https://blogs.cfainstitute.org/investor/2019/04/03/six-trends-in-college-and-university-endowments/" TargetMode="External"/><Relationship Id="rId10" Type="http://schemas.openxmlformats.org/officeDocument/2006/relationships/hyperlink" Target="http://drdpat.bih.nic.in/PA-Table-04-Bihar.htm" TargetMode="External"/><Relationship Id="rId19" Type="http://schemas.openxmlformats.org/officeDocument/2006/relationships/hyperlink" Target="https://www.bankbazaar.com/fixed-deposit-rate.html" TargetMode="External"/><Relationship Id="rId4" Type="http://schemas.openxmlformats.org/officeDocument/2006/relationships/hyperlink" Target="https://www.thebetterindia.com/120207/bhairwadi-vishwanath-bobade-1-acre-farming-beed-maharashtra/" TargetMode="External"/><Relationship Id="rId9" Type="http://schemas.openxmlformats.org/officeDocument/2006/relationships/hyperlink" Target="https://www.statista.com/statistics/1036898/india-leading-vegetable-producing-state/" TargetMode="External"/><Relationship Id="rId14" Type="http://schemas.openxmlformats.org/officeDocument/2006/relationships/hyperlink" Target="http://www3.weforum.org/docs/WEFUSA_FamilyOfficePrimer_Report.pdf" TargetMode="Externa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0.xml"/><Relationship Id="rId1" Type="http://schemas.openxmlformats.org/officeDocument/2006/relationships/tags" Target="../tags/tag19.xml"/><Relationship Id="rId4" Type="http://schemas.openxmlformats.org/officeDocument/2006/relationships/notesSlide" Target="../notesSlides/notesSlide4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png"/><Relationship Id="rId7" Type="http://schemas.openxmlformats.org/officeDocument/2006/relationships/image" Target="../media/image21.pn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20.png"/><Relationship Id="rId5" Type="http://schemas.openxmlformats.org/officeDocument/2006/relationships/image" Target="../media/image19.png"/><Relationship Id="rId4" Type="http://schemas.openxmlformats.org/officeDocument/2006/relationships/image" Target="../media/image18.png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6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6.xml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image" Target="../media/image25.png"/><Relationship Id="rId3" Type="http://schemas.openxmlformats.org/officeDocument/2006/relationships/tags" Target="../tags/tag23.xml"/><Relationship Id="rId7" Type="http://schemas.openxmlformats.org/officeDocument/2006/relationships/image" Target="../media/image24.png"/><Relationship Id="rId2" Type="http://schemas.openxmlformats.org/officeDocument/2006/relationships/tags" Target="../tags/tag22.xml"/><Relationship Id="rId1" Type="http://schemas.openxmlformats.org/officeDocument/2006/relationships/tags" Target="../tags/tag21.xml"/><Relationship Id="rId6" Type="http://schemas.openxmlformats.org/officeDocument/2006/relationships/image" Target="../media/image23.tiff"/><Relationship Id="rId5" Type="http://schemas.openxmlformats.org/officeDocument/2006/relationships/image" Target="../media/image22.tiff"/><Relationship Id="rId4" Type="http://schemas.openxmlformats.org/officeDocument/2006/relationships/slideLayout" Target="../slideLayouts/slideLayout6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3"/>
          <p:cNvSpPr txBox="1"/>
          <p:nvPr/>
        </p:nvSpPr>
        <p:spPr>
          <a:xfrm>
            <a:off x="242372" y="1144260"/>
            <a:ext cx="5329092" cy="5586145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pPr algn="ctr"/>
            <a:r>
              <a:rPr lang="en-US" sz="5000" b="1" dirty="0">
                <a:solidFill>
                  <a:srgbClr val="009051"/>
                </a:solidFill>
              </a:rPr>
              <a:t>LOCUS AGRICULTURE</a:t>
            </a:r>
          </a:p>
          <a:p>
            <a:pPr algn="ctr"/>
            <a:br>
              <a:rPr lang="en-IN" dirty="0"/>
            </a:br>
            <a:r>
              <a:rPr lang="en-IN" sz="1700" i="1" dirty="0"/>
              <a:t>Real assets fund to invest in arable land to help improve rural farmers’ quality of life by employing landless farmers and cultivating high margin cash crops through modern agricultural techniques</a:t>
            </a:r>
          </a:p>
          <a:p>
            <a:pPr algn="ctr"/>
            <a:endParaRPr lang="en-IN" sz="1500" b="1" dirty="0"/>
          </a:p>
          <a:p>
            <a:pPr algn="ctr"/>
            <a:endParaRPr lang="en-IN" sz="1500" b="1" dirty="0"/>
          </a:p>
          <a:p>
            <a:pPr algn="ctr"/>
            <a:endParaRPr lang="en-IN" sz="1500" b="1" dirty="0"/>
          </a:p>
          <a:p>
            <a:pPr algn="ctr"/>
            <a:endParaRPr lang="en-IN" sz="1500" b="1" dirty="0"/>
          </a:p>
          <a:p>
            <a:pPr algn="ctr"/>
            <a:r>
              <a:rPr lang="en-IN" sz="1600" b="1" dirty="0"/>
              <a:t>Indian Institute of Management, Ahmedabad</a:t>
            </a:r>
          </a:p>
          <a:p>
            <a:pPr algn="ctr"/>
            <a:r>
              <a:rPr lang="en-IN" sz="1600" b="1" dirty="0"/>
              <a:t>Bani Singh</a:t>
            </a:r>
            <a:br>
              <a:rPr lang="en-IN" sz="1600" b="1" dirty="0"/>
            </a:br>
            <a:r>
              <a:rPr lang="en-IN" sz="1600" b="1" dirty="0"/>
              <a:t>Eshwar Agarwal</a:t>
            </a:r>
            <a:br>
              <a:rPr lang="en-IN" sz="1600" b="1" dirty="0"/>
            </a:br>
            <a:r>
              <a:rPr lang="en-IN" sz="1600" b="1" dirty="0" err="1"/>
              <a:t>Khushbu</a:t>
            </a:r>
            <a:r>
              <a:rPr lang="en-IN" sz="1600" b="1" dirty="0"/>
              <a:t> Gupta</a:t>
            </a:r>
          </a:p>
          <a:p>
            <a:pPr algn="ctr"/>
            <a:r>
              <a:rPr lang="en-IN" sz="1600" b="1" dirty="0"/>
              <a:t>Sabyasachi Mishra</a:t>
            </a:r>
            <a:endParaRPr lang="en-US" sz="1600" b="1" dirty="0"/>
          </a:p>
          <a:p>
            <a:endParaRPr lang="en-US" sz="1400" dirty="0"/>
          </a:p>
        </p:txBody>
      </p:sp>
      <p:sp>
        <p:nvSpPr>
          <p:cNvPr id="7" name="BainBulletsConfiguration" hidden="1"/>
          <p:cNvSpPr txBox="1"/>
          <p:nvPr/>
        </p:nvSpPr>
        <p:spPr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21C2AD6D-53A5-5B4E-8F06-A8A688713E02}"/>
              </a:ext>
            </a:extLst>
          </p:cNvPr>
          <p:cNvPicPr>
            <a:picLocks noChangeAspect="1"/>
          </p:cNvPicPr>
          <p:nvPr/>
        </p:nvPicPr>
        <p:blipFill rotWithShape="1">
          <a:blip r:embed="rId3"/>
          <a:srcRect l="831" r="22135"/>
          <a:stretch/>
        </p:blipFill>
        <p:spPr>
          <a:xfrm>
            <a:off x="5958671" y="571453"/>
            <a:ext cx="6254656" cy="6078865"/>
          </a:xfrm>
          <a:prstGeom prst="rect">
            <a:avLst/>
          </a:prstGeom>
        </p:spPr>
      </p:pic>
      <p:sp>
        <p:nvSpPr>
          <p:cNvPr id="5" name="Rectangle 4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54624620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BainBulletsConfiguration" hidden="1"/>
          <p:cNvSpPr txBox="1"/>
          <p:nvPr/>
        </p:nvSpPr>
        <p:spPr>
          <a:xfrm>
            <a:off x="1711539" y="331826"/>
            <a:ext cx="8101687" cy="81189"/>
          </a:xfrm>
          <a:prstGeom prst="rect">
            <a:avLst/>
          </a:prstGeom>
          <a:noFill/>
        </p:spPr>
        <p:txBody>
          <a:bodyPr vert="horz" wrap="square" lIns="32808" tIns="32808" rIns="32808" bIns="32808" rtlCol="0">
            <a:spAutoFit/>
          </a:bodyPr>
          <a:lstStyle/>
          <a:p>
            <a:r>
              <a:rPr lang="en-US" sz="100">
                <a:solidFill>
                  <a:srgbClr val="FFFFFF"/>
                </a:solidFill>
              </a:rPr>
              <a:t>8_84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8" name="Agenda"/>
          <p:cNvSpPr txBox="1"/>
          <p:nvPr>
            <p:custDataLst>
              <p:tags r:id="rId2"/>
            </p:custDataLst>
          </p:nvPr>
        </p:nvSpPr>
        <p:spPr>
          <a:xfrm>
            <a:off x="623888" y="1835289"/>
            <a:ext cx="11593512" cy="5031719"/>
          </a:xfrm>
          <a:prstGeom prst="rect">
            <a:avLst/>
          </a:prstGeom>
          <a:noFill/>
        </p:spPr>
        <p:txBody>
          <a:bodyPr vert="horz" wrap="square" lIns="32808" tIns="32808" rIns="32808" bIns="32808" rtlCol="0">
            <a:spAutoFit/>
          </a:bodyPr>
          <a:lstStyle/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PROBLEM STATEMENT</a:t>
            </a:r>
            <a:br>
              <a:rPr lang="en-US" sz="2400" b="1" dirty="0"/>
            </a:br>
            <a:r>
              <a:rPr lang="en-US" dirty="0"/>
              <a:t>Current problem plaguing the sector and scope of opportunities</a:t>
            </a:r>
          </a:p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SOLUTION AND INVESTMENT THESIS</a:t>
            </a:r>
            <a:br>
              <a:rPr lang="en-US" sz="2400" dirty="0"/>
            </a:br>
            <a:r>
              <a:rPr lang="en-US" sz="2000" dirty="0"/>
              <a:t>How we plan to solve the problem and create financial value at the same time</a:t>
            </a:r>
            <a:endParaRPr lang="en-US" sz="2000" b="1" dirty="0"/>
          </a:p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IMPLEMENTATION ASPECTS</a:t>
            </a:r>
            <a:br>
              <a:rPr lang="en-US" sz="2400" dirty="0"/>
            </a:br>
            <a:r>
              <a:rPr lang="en-US" sz="2000" dirty="0"/>
              <a:t>Finer executional details contributing to the success of the project</a:t>
            </a:r>
          </a:p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IMPACT</a:t>
            </a:r>
            <a:br>
              <a:rPr lang="en-US" sz="2400" dirty="0"/>
            </a:br>
            <a:r>
              <a:rPr lang="en-US" sz="2000" dirty="0"/>
              <a:t>Benefits accrued to the society, farmers and the investors</a:t>
            </a:r>
          </a:p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APPENDIX</a:t>
            </a:r>
            <a:br>
              <a:rPr lang="en-US" sz="2400" dirty="0"/>
            </a:br>
            <a:r>
              <a:rPr lang="en-US" sz="2000" dirty="0"/>
              <a:t>Deep dive into specific aspects for further discussions</a:t>
            </a:r>
          </a:p>
        </p:txBody>
      </p:sp>
      <p:sp>
        <p:nvSpPr>
          <p:cNvPr id="9" name="Rectangle 8"/>
          <p:cNvSpPr/>
          <p:nvPr/>
        </p:nvSpPr>
        <p:spPr>
          <a:xfrm>
            <a:off x="88" y="818079"/>
            <a:ext cx="12900483" cy="735299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US" sz="2000" dirty="0">
              <a:solidFill>
                <a:srgbClr val="FFFFFF"/>
              </a:solidFill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653573" y="903155"/>
            <a:ext cx="6826189" cy="565146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3200" b="1" dirty="0">
                <a:solidFill>
                  <a:schemeClr val="bg2"/>
                </a:solidFill>
              </a:rPr>
              <a:t>Agenda</a:t>
            </a:r>
          </a:p>
        </p:txBody>
      </p:sp>
      <p:sp>
        <p:nvSpPr>
          <p:cNvPr id="6" name="Rectangle 5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cxnSp>
        <p:nvCxnSpPr>
          <p:cNvPr id="12" name="Straight Connector 11">
            <a:extLst>
              <a:ext uri="{FF2B5EF4-FFF2-40B4-BE49-F238E27FC236}">
                <a16:creationId xmlns:a16="http://schemas.microsoft.com/office/drawing/2014/main" id="{2C0CB7F0-DB6F-9C48-A07B-ABF1B0140FAE}"/>
              </a:ext>
            </a:extLst>
          </p:cNvPr>
          <p:cNvCxnSpPr/>
          <p:nvPr/>
        </p:nvCxnSpPr>
        <p:spPr>
          <a:xfrm>
            <a:off x="468296" y="3994536"/>
            <a:ext cx="0" cy="665757"/>
          </a:xfrm>
          <a:prstGeom prst="line">
            <a:avLst/>
          </a:prstGeom>
          <a:ln w="76200">
            <a:solidFill>
              <a:srgbClr val="00905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1"/>
    </p:custDataLst>
    <p:extLst>
      <p:ext uri="{BB962C8B-B14F-4D97-AF65-F5344CB8AC3E}">
        <p14:creationId xmlns:p14="http://schemas.microsoft.com/office/powerpoint/2010/main" val="975169868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3" name="Straight Connector 2">
            <a:extLst>
              <a:ext uri="{FF2B5EF4-FFF2-40B4-BE49-F238E27FC236}">
                <a16:creationId xmlns:a16="http://schemas.microsoft.com/office/drawing/2014/main" id="{D286FE10-F038-7C4E-BD7D-B4484244FB0C}"/>
              </a:ext>
            </a:extLst>
          </p:cNvPr>
          <p:cNvCxnSpPr/>
          <p:nvPr/>
        </p:nvCxnSpPr>
        <p:spPr>
          <a:xfrm>
            <a:off x="6506817" y="1152939"/>
            <a:ext cx="0" cy="5844209"/>
          </a:xfrm>
          <a:prstGeom prst="line">
            <a:avLst/>
          </a:prstGeom>
          <a:ln w="57150">
            <a:solidFill>
              <a:srgbClr val="00905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" name="TextBox 3">
            <a:extLst>
              <a:ext uri="{FF2B5EF4-FFF2-40B4-BE49-F238E27FC236}">
                <a16:creationId xmlns:a16="http://schemas.microsoft.com/office/drawing/2014/main" id="{FE700E69-E64A-4042-9B14-7AA9AFFE51B2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698239" y="1507636"/>
            <a:ext cx="5309411" cy="394884"/>
          </a:xfrm>
          <a:prstGeom prst="rect">
            <a:avLst/>
          </a:prstGeom>
          <a:blipFill dpi="0" rotWithShape="1">
            <a:blip r:embed="rId5"/>
            <a:srcRect/>
            <a:tile tx="0" ty="0" sx="100000" sy="100000" flip="xy" algn="b"/>
          </a:blipFill>
        </p:spPr>
        <p:txBody>
          <a:bodyPr vert="horz" wrap="square" lIns="0" tIns="0" rIns="0" bIns="86265" rtlCol="0" anchor="b">
            <a:spAutoFit/>
          </a:bodyPr>
          <a:lstStyle/>
          <a:p>
            <a:pPr algn="ctr"/>
            <a:r>
              <a:rPr lang="en-US" sz="2000" b="1" cap="all" dirty="0">
                <a:solidFill>
                  <a:srgbClr val="009051"/>
                </a:solidFill>
              </a:rPr>
              <a:t>Details of the chosen market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F6B14719-D1A1-164D-81B5-22DF1435DAC0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6716617" y="1507636"/>
            <a:ext cx="5952461" cy="394884"/>
          </a:xfrm>
          <a:prstGeom prst="rect">
            <a:avLst/>
          </a:prstGeom>
          <a:blipFill dpi="0" rotWithShape="1">
            <a:blip r:embed="rId5"/>
            <a:srcRect/>
            <a:tile tx="0" ty="0" sx="100000" sy="100000" flip="xy" algn="b"/>
          </a:blipFill>
        </p:spPr>
        <p:txBody>
          <a:bodyPr vert="horz" wrap="square" lIns="0" tIns="0" rIns="0" bIns="86265" rtlCol="0" anchor="b">
            <a:spAutoFit/>
          </a:bodyPr>
          <a:lstStyle/>
          <a:p>
            <a:pPr algn="ctr"/>
            <a:r>
              <a:rPr lang="en-US" sz="2000" b="1" cap="all" dirty="0">
                <a:solidFill>
                  <a:srgbClr val="009051"/>
                </a:solidFill>
              </a:rPr>
              <a:t>Planned interventions</a:t>
            </a:r>
          </a:p>
        </p:txBody>
      </p:sp>
      <p:sp>
        <p:nvSpPr>
          <p:cNvPr id="6" name="Title 1">
            <a:extLst>
              <a:ext uri="{FF2B5EF4-FFF2-40B4-BE49-F238E27FC236}">
                <a16:creationId xmlns:a16="http://schemas.microsoft.com/office/drawing/2014/main" id="{7792826B-0FE0-CB42-A8BD-935A3AB4A6E7}"/>
              </a:ext>
            </a:extLst>
          </p:cNvPr>
          <p:cNvSpPr txBox="1">
            <a:spLocks/>
          </p:cNvSpPr>
          <p:nvPr/>
        </p:nvSpPr>
        <p:spPr bwMode="gray">
          <a:xfrm>
            <a:off x="64288" y="152364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Implementation Details of pilot in Bihar, India</a:t>
            </a:r>
          </a:p>
        </p:txBody>
      </p:sp>
      <p:cxnSp>
        <p:nvCxnSpPr>
          <p:cNvPr id="7" name="Straight Connector 6">
            <a:extLst>
              <a:ext uri="{FF2B5EF4-FFF2-40B4-BE49-F238E27FC236}">
                <a16:creationId xmlns:a16="http://schemas.microsoft.com/office/drawing/2014/main" id="{EEBBF7AF-C720-5B47-BE69-82AC888AE049}"/>
              </a:ext>
            </a:extLst>
          </p:cNvPr>
          <p:cNvCxnSpPr/>
          <p:nvPr/>
        </p:nvCxnSpPr>
        <p:spPr>
          <a:xfrm>
            <a:off x="6506817" y="1152939"/>
            <a:ext cx="0" cy="5844209"/>
          </a:xfrm>
          <a:prstGeom prst="line">
            <a:avLst/>
          </a:prstGeom>
          <a:ln w="57150">
            <a:solidFill>
              <a:srgbClr val="00905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" name="Rectangle 7">
            <a:extLst>
              <a:ext uri="{FF2B5EF4-FFF2-40B4-BE49-F238E27FC236}">
                <a16:creationId xmlns:a16="http://schemas.microsoft.com/office/drawing/2014/main" id="{7B9C4D88-C4C7-C741-ADBD-6553AE35CF94}"/>
              </a:ext>
            </a:extLst>
          </p:cNvPr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15CD6841-3923-0844-9C01-8561D5B13841}"/>
              </a:ext>
            </a:extLst>
          </p:cNvPr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graphicFrame>
        <p:nvGraphicFramePr>
          <p:cNvPr id="10" name="Table 9">
            <a:extLst>
              <a:ext uri="{FF2B5EF4-FFF2-40B4-BE49-F238E27FC236}">
                <a16:creationId xmlns:a16="http://schemas.microsoft.com/office/drawing/2014/main" id="{AE545593-B787-1D4F-87D7-AB4E6E8341B7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61803627"/>
              </p:ext>
            </p:extLst>
          </p:nvPr>
        </p:nvGraphicFramePr>
        <p:xfrm>
          <a:off x="450572" y="1974983"/>
          <a:ext cx="5782363" cy="496800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775793">
                  <a:extLst>
                    <a:ext uri="{9D8B030D-6E8A-4147-A177-3AD203B41FA5}">
                      <a16:colId xmlns:a16="http://schemas.microsoft.com/office/drawing/2014/main" val="2161347950"/>
                    </a:ext>
                  </a:extLst>
                </a:gridCol>
                <a:gridCol w="4006570">
                  <a:extLst>
                    <a:ext uri="{9D8B030D-6E8A-4147-A177-3AD203B41FA5}">
                      <a16:colId xmlns:a16="http://schemas.microsoft.com/office/drawing/2014/main" val="2384165543"/>
                    </a:ext>
                  </a:extLst>
                </a:gridCol>
              </a:tblGrid>
              <a:tr h="328792">
                <a:tc gridSpan="2">
                  <a:txBody>
                    <a:bodyPr/>
                    <a:lstStyle/>
                    <a:p>
                      <a:pPr algn="ctr"/>
                      <a:r>
                        <a:rPr lang="en-US" sz="1400" dirty="0">
                          <a:solidFill>
                            <a:schemeClr val="bg2"/>
                          </a:solidFill>
                        </a:rPr>
                        <a:t>Fact Table</a:t>
                      </a:r>
                    </a:p>
                  </a:txBody>
                  <a:tcPr anchor="ctr">
                    <a:solidFill>
                      <a:srgbClr val="009051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1400" dirty="0">
                        <a:solidFill>
                          <a:schemeClr val="bg2"/>
                        </a:solidFill>
                      </a:endParaRPr>
                    </a:p>
                  </a:txBody>
                  <a:tcPr anchor="ctr">
                    <a:solidFill>
                      <a:srgbClr val="00905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257748790"/>
                  </a:ext>
                </a:extLst>
              </a:tr>
              <a:tr h="328792">
                <a:tc>
                  <a:txBody>
                    <a:bodyPr/>
                    <a:lstStyle/>
                    <a:p>
                      <a:pPr algn="ctr"/>
                      <a:r>
                        <a:rPr lang="en-US" sz="1400" b="1" dirty="0"/>
                        <a:t>Market Chosen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/>
                        <a:t>Bihar, India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225295095"/>
                  </a:ext>
                </a:extLst>
              </a:tr>
              <a:tr h="354339">
                <a:tc>
                  <a:txBody>
                    <a:bodyPr/>
                    <a:lstStyle/>
                    <a:p>
                      <a:pPr algn="ctr"/>
                      <a:r>
                        <a:rPr lang="en-US" sz="1400" b="1" dirty="0"/>
                        <a:t>Area Cultivated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/>
                        <a:t>7.946 million hectare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660075447"/>
                  </a:ext>
                </a:extLst>
              </a:tr>
              <a:tr h="331397">
                <a:tc>
                  <a:txBody>
                    <a:bodyPr/>
                    <a:lstStyle/>
                    <a:p>
                      <a:pPr algn="ctr"/>
                      <a:r>
                        <a:rPr lang="en-US" sz="1400" b="1" dirty="0"/>
                        <a:t>Landless Labor 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/>
                        <a:t>71%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3884426879"/>
                  </a:ext>
                </a:extLst>
              </a:tr>
              <a:tr h="583872">
                <a:tc>
                  <a:txBody>
                    <a:bodyPr/>
                    <a:lstStyle/>
                    <a:p>
                      <a:pPr algn="ctr"/>
                      <a:r>
                        <a:rPr lang="en-US" sz="1400" b="1" dirty="0"/>
                        <a:t>Current Crops Mix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/>
                        <a:t>Rice, Wheat, Maize, Vegetables</a:t>
                      </a:r>
                      <a:br>
                        <a:rPr lang="en-US" sz="1400" dirty="0"/>
                      </a:br>
                      <a:r>
                        <a:rPr lang="en-US" sz="1400" dirty="0"/>
                        <a:t>Bihar is 4th largest producer of vegetables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722888311"/>
                  </a:ext>
                </a:extLst>
              </a:tr>
              <a:tr h="3040808">
                <a:tc>
                  <a:txBody>
                    <a:bodyPr/>
                    <a:lstStyle/>
                    <a:p>
                      <a:pPr algn="ctr"/>
                      <a:r>
                        <a:rPr lang="en-US" sz="1400" b="1" dirty="0"/>
                        <a:t>Problems in the Agricultural sector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285750" indent="-285750" algn="l">
                        <a:buFont typeface="Arial" panose="020B0604020202020204" pitchFamily="34" charset="0"/>
                        <a:buChar char="•"/>
                      </a:pPr>
                      <a:r>
                        <a:rPr lang="en-US" sz="1400" b="1" dirty="0">
                          <a:solidFill>
                            <a:prstClr val="black"/>
                          </a:solidFill>
                        </a:rPr>
                        <a:t>Low mechanization: </a:t>
                      </a:r>
                      <a:r>
                        <a:rPr lang="en-US" sz="1300" dirty="0">
                          <a:solidFill>
                            <a:prstClr val="black"/>
                          </a:solidFill>
                        </a:rPr>
                        <a:t>92.6% of land holdings small and fragmented; prevent economically viable mechanization</a:t>
                      </a:r>
                    </a:p>
                    <a:p>
                      <a:pPr marL="285750" indent="-285750" algn="l">
                        <a:buFont typeface="Arial" panose="020B0604020202020204" pitchFamily="34" charset="0"/>
                        <a:buChar char="•"/>
                      </a:pPr>
                      <a:r>
                        <a:rPr lang="en-US" sz="1400" b="1" dirty="0"/>
                        <a:t>Low Yield: </a:t>
                      </a:r>
                      <a:r>
                        <a:rPr lang="en-US" sz="1300" b="0" dirty="0"/>
                        <a:t>28/37 districts in Bihar yield &lt;1500 kg/ha (Chinese average 7000 kg/ha)</a:t>
                      </a:r>
                    </a:p>
                    <a:p>
                      <a:pPr marL="285750" marR="0" lvl="0" indent="-285750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1" dirty="0"/>
                        <a:t>Information Asymmetry about High Return Crops: </a:t>
                      </a:r>
                      <a:r>
                        <a:rPr lang="en-US" sz="1300" b="0" dirty="0"/>
                        <a:t>Basic crops like rice/ wheat contribute 70% cropped area; Farmers unaware about high margin crops </a:t>
                      </a:r>
                    </a:p>
                    <a:p>
                      <a:pPr marL="285750" marR="0" lvl="0" indent="-285750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 typeface="Arial" panose="020B0604020202020204" pitchFamily="34" charset="0"/>
                        <a:buChar char="•"/>
                        <a:tabLst/>
                        <a:defRPr/>
                      </a:pPr>
                      <a:r>
                        <a:rPr lang="en-US" sz="1400" b="1" dirty="0"/>
                        <a:t>Poor Market Access: </a:t>
                      </a:r>
                      <a:r>
                        <a:rPr lang="en-US" sz="1300" b="0" dirty="0"/>
                        <a:t>Small farmers have limited scope of tying up with supply chain partners to command a premium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3323377290"/>
                  </a:ext>
                </a:extLst>
              </a:tr>
            </a:tbl>
          </a:graphicData>
        </a:graphic>
      </p:graphicFrame>
      <p:grpSp>
        <p:nvGrpSpPr>
          <p:cNvPr id="17" name="Group 16">
            <a:extLst>
              <a:ext uri="{FF2B5EF4-FFF2-40B4-BE49-F238E27FC236}">
                <a16:creationId xmlns:a16="http://schemas.microsoft.com/office/drawing/2014/main" id="{0ED6E1C0-A5E9-8E4E-AEE9-2F6DEBD4DC4B}"/>
              </a:ext>
            </a:extLst>
          </p:cNvPr>
          <p:cNvGrpSpPr/>
          <p:nvPr/>
        </p:nvGrpSpPr>
        <p:grpSpPr>
          <a:xfrm>
            <a:off x="6651428" y="1984543"/>
            <a:ext cx="6076008" cy="1088652"/>
            <a:chOff x="6651428" y="1984543"/>
            <a:chExt cx="6076008" cy="1088652"/>
          </a:xfrm>
        </p:grpSpPr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753DC8F1-B0FD-494E-92C2-675550E4F624}"/>
                </a:ext>
              </a:extLst>
            </p:cNvPr>
            <p:cNvSpPr/>
            <p:nvPr/>
          </p:nvSpPr>
          <p:spPr>
            <a:xfrm>
              <a:off x="8811427" y="1984543"/>
              <a:ext cx="3916009" cy="1088652"/>
            </a:xfrm>
            <a:prstGeom prst="rect">
              <a:avLst/>
            </a:prstGeom>
            <a:solidFill>
              <a:srgbClr val="DDDDD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550" dirty="0">
                  <a:solidFill>
                    <a:srgbClr val="000000"/>
                  </a:solidFill>
                </a:rPr>
                <a:t>Yield improvement through targeted interventions such as drip irrigation, rain water harvesting, better seeds</a:t>
              </a: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B7E9A824-F7A8-114F-B699-C76FCFEA5980}"/>
                </a:ext>
              </a:extLst>
            </p:cNvPr>
            <p:cNvSpPr/>
            <p:nvPr/>
          </p:nvSpPr>
          <p:spPr>
            <a:xfrm>
              <a:off x="6651428" y="1993195"/>
              <a:ext cx="2160000" cy="1080000"/>
            </a:xfrm>
            <a:prstGeom prst="rect">
              <a:avLst/>
            </a:prstGeom>
            <a:solidFill>
              <a:srgbClr val="009051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buClr>
                  <a:prstClr val="black"/>
                </a:buClr>
              </a:pPr>
              <a:r>
                <a:rPr lang="en-US" sz="1500" b="1" dirty="0">
                  <a:solidFill>
                    <a:schemeClr val="bg2"/>
                  </a:solidFill>
                </a:rPr>
                <a:t>Improvement of Yield</a:t>
              </a:r>
            </a:p>
          </p:txBody>
        </p:sp>
      </p:grpSp>
      <p:grpSp>
        <p:nvGrpSpPr>
          <p:cNvPr id="18" name="Group 17">
            <a:extLst>
              <a:ext uri="{FF2B5EF4-FFF2-40B4-BE49-F238E27FC236}">
                <a16:creationId xmlns:a16="http://schemas.microsoft.com/office/drawing/2014/main" id="{73B1A782-0329-6A46-940B-52CE9074EFE5}"/>
              </a:ext>
            </a:extLst>
          </p:cNvPr>
          <p:cNvGrpSpPr/>
          <p:nvPr/>
        </p:nvGrpSpPr>
        <p:grpSpPr>
          <a:xfrm>
            <a:off x="6651428" y="4521387"/>
            <a:ext cx="6076008" cy="1088652"/>
            <a:chOff x="6651428" y="1984543"/>
            <a:chExt cx="6076008" cy="1088652"/>
          </a:xfrm>
        </p:grpSpPr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2A42DED2-627E-CF49-90D7-11D7D667F739}"/>
                </a:ext>
              </a:extLst>
            </p:cNvPr>
            <p:cNvSpPr/>
            <p:nvPr/>
          </p:nvSpPr>
          <p:spPr>
            <a:xfrm>
              <a:off x="8811427" y="1984543"/>
              <a:ext cx="3916009" cy="1088652"/>
            </a:xfrm>
            <a:prstGeom prst="rect">
              <a:avLst/>
            </a:prstGeom>
            <a:solidFill>
              <a:srgbClr val="DDDDD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550" dirty="0">
                  <a:solidFill>
                    <a:srgbClr val="000000"/>
                  </a:solidFill>
                </a:rPr>
                <a:t>Diversification to cash crops and organic produce will help farmers move towards higher return activities </a:t>
              </a:r>
            </a:p>
          </p:txBody>
        </p:sp>
        <p:sp>
          <p:nvSpPr>
            <p:cNvPr id="20" name="Rectangle 19">
              <a:extLst>
                <a:ext uri="{FF2B5EF4-FFF2-40B4-BE49-F238E27FC236}">
                  <a16:creationId xmlns:a16="http://schemas.microsoft.com/office/drawing/2014/main" id="{629EAA76-11FB-EA44-A54C-D0B4D72BF727}"/>
                </a:ext>
              </a:extLst>
            </p:cNvPr>
            <p:cNvSpPr/>
            <p:nvPr/>
          </p:nvSpPr>
          <p:spPr>
            <a:xfrm>
              <a:off x="6651428" y="1993195"/>
              <a:ext cx="2160000" cy="1080000"/>
            </a:xfrm>
            <a:prstGeom prst="rect">
              <a:avLst/>
            </a:prstGeom>
            <a:solidFill>
              <a:srgbClr val="009051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buClr>
                  <a:prstClr val="black"/>
                </a:buClr>
              </a:pPr>
              <a:r>
                <a:rPr lang="en-US" sz="1500" b="1" dirty="0">
                  <a:solidFill>
                    <a:schemeClr val="bg2"/>
                  </a:solidFill>
                </a:rPr>
                <a:t>Diversified Crop Mix</a:t>
              </a:r>
            </a:p>
          </p:txBody>
        </p:sp>
      </p:grpSp>
      <p:grpSp>
        <p:nvGrpSpPr>
          <p:cNvPr id="21" name="Group 20">
            <a:extLst>
              <a:ext uri="{FF2B5EF4-FFF2-40B4-BE49-F238E27FC236}">
                <a16:creationId xmlns:a16="http://schemas.microsoft.com/office/drawing/2014/main" id="{13BD4235-10C2-CD4D-A3F5-E3057578240B}"/>
              </a:ext>
            </a:extLst>
          </p:cNvPr>
          <p:cNvGrpSpPr/>
          <p:nvPr/>
        </p:nvGrpSpPr>
        <p:grpSpPr>
          <a:xfrm>
            <a:off x="6651428" y="5789809"/>
            <a:ext cx="6076008" cy="1088652"/>
            <a:chOff x="6651428" y="1984543"/>
            <a:chExt cx="6076008" cy="1088652"/>
          </a:xfrm>
        </p:grpSpPr>
        <p:sp>
          <p:nvSpPr>
            <p:cNvPr id="22" name="Rectangle 21">
              <a:extLst>
                <a:ext uri="{FF2B5EF4-FFF2-40B4-BE49-F238E27FC236}">
                  <a16:creationId xmlns:a16="http://schemas.microsoft.com/office/drawing/2014/main" id="{2856ABDE-BDEF-6844-9133-2AD5B02E5962}"/>
                </a:ext>
              </a:extLst>
            </p:cNvPr>
            <p:cNvSpPr/>
            <p:nvPr/>
          </p:nvSpPr>
          <p:spPr>
            <a:xfrm>
              <a:off x="8811427" y="1984543"/>
              <a:ext cx="3916009" cy="1088652"/>
            </a:xfrm>
            <a:prstGeom prst="rect">
              <a:avLst/>
            </a:prstGeom>
            <a:solidFill>
              <a:srgbClr val="DDDDD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550" dirty="0">
                  <a:solidFill>
                    <a:srgbClr val="000000"/>
                  </a:solidFill>
                </a:rPr>
                <a:t>Partnering with 3</a:t>
              </a:r>
              <a:r>
                <a:rPr lang="en-US" sz="1550" baseline="30000" dirty="0">
                  <a:solidFill>
                    <a:srgbClr val="000000"/>
                  </a:solidFill>
                </a:rPr>
                <a:t>rd</a:t>
              </a:r>
              <a:r>
                <a:rPr lang="en-US" sz="1550" dirty="0">
                  <a:solidFill>
                    <a:srgbClr val="000000"/>
                  </a:solidFill>
                </a:rPr>
                <a:t> Parties across the supply-chain will induce efficiency and help command better price</a:t>
              </a:r>
            </a:p>
          </p:txBody>
        </p:sp>
        <p:sp>
          <p:nvSpPr>
            <p:cNvPr id="23" name="Rectangle 22">
              <a:extLst>
                <a:ext uri="{FF2B5EF4-FFF2-40B4-BE49-F238E27FC236}">
                  <a16:creationId xmlns:a16="http://schemas.microsoft.com/office/drawing/2014/main" id="{208EE195-E3FF-DA4D-BF58-BC295299150F}"/>
                </a:ext>
              </a:extLst>
            </p:cNvPr>
            <p:cNvSpPr/>
            <p:nvPr/>
          </p:nvSpPr>
          <p:spPr>
            <a:xfrm>
              <a:off x="6651428" y="1993195"/>
              <a:ext cx="2160000" cy="1080000"/>
            </a:xfrm>
            <a:prstGeom prst="rect">
              <a:avLst/>
            </a:prstGeom>
            <a:solidFill>
              <a:srgbClr val="009051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buClr>
                  <a:prstClr val="black"/>
                </a:buClr>
              </a:pPr>
              <a:r>
                <a:rPr lang="en-US" sz="1500" b="1" dirty="0">
                  <a:solidFill>
                    <a:schemeClr val="bg2"/>
                  </a:solidFill>
                </a:rPr>
                <a:t>Partnering across Supply Chain</a:t>
              </a:r>
            </a:p>
          </p:txBody>
        </p:sp>
      </p:grpSp>
      <p:grpSp>
        <p:nvGrpSpPr>
          <p:cNvPr id="24" name="Group 23">
            <a:extLst>
              <a:ext uri="{FF2B5EF4-FFF2-40B4-BE49-F238E27FC236}">
                <a16:creationId xmlns:a16="http://schemas.microsoft.com/office/drawing/2014/main" id="{8426323A-2AE7-E447-BB27-7A577F849A46}"/>
              </a:ext>
            </a:extLst>
          </p:cNvPr>
          <p:cNvGrpSpPr/>
          <p:nvPr/>
        </p:nvGrpSpPr>
        <p:grpSpPr>
          <a:xfrm>
            <a:off x="6651428" y="3252965"/>
            <a:ext cx="6076008" cy="1088652"/>
            <a:chOff x="6651428" y="1984543"/>
            <a:chExt cx="6076008" cy="1088652"/>
          </a:xfrm>
        </p:grpSpPr>
        <p:sp>
          <p:nvSpPr>
            <p:cNvPr id="25" name="Rectangle 24">
              <a:extLst>
                <a:ext uri="{FF2B5EF4-FFF2-40B4-BE49-F238E27FC236}">
                  <a16:creationId xmlns:a16="http://schemas.microsoft.com/office/drawing/2014/main" id="{B0686E04-09E2-EB4F-B880-F9FE66C8867B}"/>
                </a:ext>
              </a:extLst>
            </p:cNvPr>
            <p:cNvSpPr/>
            <p:nvPr/>
          </p:nvSpPr>
          <p:spPr>
            <a:xfrm>
              <a:off x="8811427" y="1984543"/>
              <a:ext cx="3916009" cy="1088652"/>
            </a:xfrm>
            <a:prstGeom prst="rect">
              <a:avLst/>
            </a:prstGeom>
            <a:solidFill>
              <a:srgbClr val="DDDDD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550" dirty="0">
                  <a:solidFill>
                    <a:prstClr val="black"/>
                  </a:solidFill>
                </a:rPr>
                <a:t>Agricultural machinery, Green House farming can replace human labor and introduce economies of scale</a:t>
              </a:r>
            </a:p>
          </p:txBody>
        </p:sp>
        <p:sp>
          <p:nvSpPr>
            <p:cNvPr id="26" name="Rectangle 25">
              <a:extLst>
                <a:ext uri="{FF2B5EF4-FFF2-40B4-BE49-F238E27FC236}">
                  <a16:creationId xmlns:a16="http://schemas.microsoft.com/office/drawing/2014/main" id="{1B5678D7-635E-E641-AA8C-C45E054BA599}"/>
                </a:ext>
              </a:extLst>
            </p:cNvPr>
            <p:cNvSpPr/>
            <p:nvPr/>
          </p:nvSpPr>
          <p:spPr>
            <a:xfrm>
              <a:off x="6651428" y="1993195"/>
              <a:ext cx="2160000" cy="1080000"/>
            </a:xfrm>
            <a:prstGeom prst="rect">
              <a:avLst/>
            </a:prstGeom>
            <a:solidFill>
              <a:srgbClr val="009051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buClr>
                  <a:prstClr val="black"/>
                </a:buClr>
              </a:pPr>
              <a:r>
                <a:rPr lang="en-US" sz="1500" b="1" dirty="0">
                  <a:solidFill>
                    <a:schemeClr val="bg2"/>
                  </a:solidFill>
                </a:rPr>
                <a:t>Mechanization and New Agricultural Practices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1330203820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1">
            <a:extLst>
              <a:ext uri="{FF2B5EF4-FFF2-40B4-BE49-F238E27FC236}">
                <a16:creationId xmlns:a16="http://schemas.microsoft.com/office/drawing/2014/main" id="{D5B1C0A7-38E7-4248-A5DE-0D739461F8F3}"/>
              </a:ext>
            </a:extLst>
          </p:cNvPr>
          <p:cNvSpPr txBox="1">
            <a:spLocks/>
          </p:cNvSpPr>
          <p:nvPr/>
        </p:nvSpPr>
        <p:spPr bwMode="gray">
          <a:xfrm>
            <a:off x="236498" y="308222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We have identified several potential partners to help optimize operations</a:t>
            </a:r>
          </a:p>
        </p:txBody>
      </p:sp>
      <p:sp>
        <p:nvSpPr>
          <p:cNvPr id="7" name="Rectangle 6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8" name="Rectangle 7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23" name="TextBox 22">
            <a:extLst>
              <a:ext uri="{FF2B5EF4-FFF2-40B4-BE49-F238E27FC236}">
                <a16:creationId xmlns:a16="http://schemas.microsoft.com/office/drawing/2014/main" id="{D7D281A0-D4FF-2242-9237-0A4337462FA5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533956" y="1497365"/>
            <a:ext cx="5194815" cy="394884"/>
          </a:xfrm>
          <a:prstGeom prst="rect">
            <a:avLst/>
          </a:prstGeom>
          <a:blipFill dpi="0" rotWithShape="1">
            <a:blip r:embed="rId9"/>
            <a:srcRect/>
            <a:tile tx="0" ty="0" sx="100000" sy="100000" flip="xy" algn="b"/>
          </a:blipFill>
        </p:spPr>
        <p:txBody>
          <a:bodyPr vert="horz" wrap="square" lIns="0" tIns="0" rIns="0" bIns="86265" rtlCol="0" anchor="b">
            <a:spAutoFit/>
          </a:bodyPr>
          <a:lstStyle/>
          <a:p>
            <a:pPr lvl="0" algn="ctr">
              <a:spcBef>
                <a:spcPts val="3200"/>
              </a:spcBef>
              <a:buSzPct val="100000"/>
            </a:pPr>
            <a:r>
              <a:rPr lang="en-US" sz="2000" b="1" dirty="0">
                <a:solidFill>
                  <a:srgbClr val="009051"/>
                </a:solidFill>
              </a:rPr>
              <a:t>WHY PARTNER WITH US?</a:t>
            </a:r>
            <a:endParaRPr lang="en-US" sz="2000" dirty="0">
              <a:solidFill>
                <a:prstClr val="black"/>
              </a:solidFill>
            </a:endParaRPr>
          </a:p>
        </p:txBody>
      </p:sp>
      <p:pic>
        <p:nvPicPr>
          <p:cNvPr id="26" name="Picture 25"/>
          <p:cNvPicPr>
            <a:picLocks noChangeAspect="1"/>
          </p:cNvPicPr>
          <p:nvPr/>
        </p:nvPicPr>
        <p:blipFill rotWithShape="1"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7949" t="1829" r="8358" b="15464"/>
          <a:stretch/>
        </p:blipFill>
        <p:spPr>
          <a:xfrm>
            <a:off x="941156" y="4103930"/>
            <a:ext cx="743087" cy="734344"/>
          </a:xfrm>
          <a:prstGeom prst="rect">
            <a:avLst/>
          </a:prstGeom>
        </p:spPr>
      </p:pic>
      <p:pic>
        <p:nvPicPr>
          <p:cNvPr id="28" name="Picture 27"/>
          <p:cNvPicPr>
            <a:picLocks noChangeAspect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93097" y="5085470"/>
            <a:ext cx="839204" cy="726511"/>
          </a:xfrm>
          <a:prstGeom prst="rect">
            <a:avLst/>
          </a:prstGeom>
        </p:spPr>
      </p:pic>
      <p:pic>
        <p:nvPicPr>
          <p:cNvPr id="31" name="Picture 30"/>
          <p:cNvPicPr>
            <a:picLocks noChangeAspect="1"/>
          </p:cNvPicPr>
          <p:nvPr/>
        </p:nvPicPr>
        <p:blipFill rotWithShape="1"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6262" t="18707" r="7092" b="34031"/>
          <a:stretch/>
        </p:blipFill>
        <p:spPr>
          <a:xfrm>
            <a:off x="756704" y="6103245"/>
            <a:ext cx="1117600" cy="609600"/>
          </a:xfrm>
          <a:prstGeom prst="rect">
            <a:avLst/>
          </a:prstGeom>
        </p:spPr>
      </p:pic>
      <p:sp>
        <p:nvSpPr>
          <p:cNvPr id="33" name="TextBox 32">
            <a:extLst>
              <a:ext uri="{FF2B5EF4-FFF2-40B4-BE49-F238E27FC236}">
                <a16:creationId xmlns:a16="http://schemas.microsoft.com/office/drawing/2014/main" id="{D7D281A0-D4FF-2242-9237-0A4337462FA5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7009049" y="1497365"/>
            <a:ext cx="5186622" cy="394884"/>
          </a:xfrm>
          <a:prstGeom prst="rect">
            <a:avLst/>
          </a:prstGeom>
          <a:blipFill dpi="0" rotWithShape="1">
            <a:blip r:embed="rId9"/>
            <a:srcRect/>
            <a:tile tx="0" ty="0" sx="100000" sy="100000" flip="xy" algn="b"/>
          </a:blipFill>
        </p:spPr>
        <p:txBody>
          <a:bodyPr vert="horz" wrap="square" lIns="0" tIns="0" rIns="0" bIns="86265" rtlCol="0" anchor="b">
            <a:spAutoFit/>
          </a:bodyPr>
          <a:lstStyle/>
          <a:p>
            <a:pPr lvl="0" algn="ctr">
              <a:spcBef>
                <a:spcPts val="3200"/>
              </a:spcBef>
              <a:buSzPct val="100000"/>
            </a:pPr>
            <a:r>
              <a:rPr lang="en-US" sz="2000" b="1" dirty="0">
                <a:solidFill>
                  <a:srgbClr val="009051"/>
                </a:solidFill>
              </a:rPr>
              <a:t>POTENTIAL PARTNERS</a:t>
            </a:r>
            <a:endParaRPr lang="en-US" sz="2000" dirty="0">
              <a:solidFill>
                <a:prstClr val="black"/>
              </a:solidFill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7430594" y="2103794"/>
            <a:ext cx="1929600" cy="756000"/>
          </a:xfrm>
          <a:prstGeom prst="rect">
            <a:avLst/>
          </a:prstGeom>
          <a:solidFill>
            <a:schemeClr val="bg1">
              <a:lumMod val="50000"/>
            </a:schemeClr>
          </a:solidFill>
        </p:spPr>
        <p:txBody>
          <a:bodyPr wrap="square" lIns="36000" tIns="36000" rIns="36000" bIns="36000" rtlCol="0" anchor="ctr">
            <a:spAutoFit/>
          </a:bodyPr>
          <a:lstStyle/>
          <a:p>
            <a:pPr algn="ctr"/>
            <a:r>
              <a:rPr lang="en-IN" sz="2000" b="1" dirty="0">
                <a:solidFill>
                  <a:schemeClr val="bg2"/>
                </a:solidFill>
              </a:rPr>
              <a:t>Technology Partner</a:t>
            </a:r>
          </a:p>
        </p:txBody>
      </p:sp>
      <p:sp>
        <p:nvSpPr>
          <p:cNvPr id="34" name="TextBox 33"/>
          <p:cNvSpPr txBox="1"/>
          <p:nvPr/>
        </p:nvSpPr>
        <p:spPr>
          <a:xfrm>
            <a:off x="7430594" y="4556279"/>
            <a:ext cx="1929600" cy="756000"/>
          </a:xfrm>
          <a:prstGeom prst="rect">
            <a:avLst/>
          </a:prstGeom>
          <a:solidFill>
            <a:schemeClr val="bg1">
              <a:lumMod val="50000"/>
            </a:schemeClr>
          </a:solidFill>
        </p:spPr>
        <p:txBody>
          <a:bodyPr wrap="square" lIns="36000" tIns="36000" rIns="36000" bIns="36000" rtlCol="0" anchor="ctr">
            <a:spAutoFit/>
          </a:bodyPr>
          <a:lstStyle/>
          <a:p>
            <a:pPr algn="ctr"/>
            <a:r>
              <a:rPr lang="en-IN" sz="2000" b="1" dirty="0">
                <a:solidFill>
                  <a:schemeClr val="bg2"/>
                </a:solidFill>
              </a:rPr>
              <a:t>Supply Partner</a:t>
            </a:r>
          </a:p>
        </p:txBody>
      </p:sp>
      <p:sp>
        <p:nvSpPr>
          <p:cNvPr id="35" name="TextBox 34"/>
          <p:cNvSpPr txBox="1"/>
          <p:nvPr/>
        </p:nvSpPr>
        <p:spPr>
          <a:xfrm>
            <a:off x="10280791" y="4556279"/>
            <a:ext cx="1929600" cy="756000"/>
          </a:xfrm>
          <a:prstGeom prst="rect">
            <a:avLst/>
          </a:prstGeom>
          <a:solidFill>
            <a:schemeClr val="bg1">
              <a:lumMod val="50000"/>
            </a:schemeClr>
          </a:solidFill>
        </p:spPr>
        <p:txBody>
          <a:bodyPr wrap="square" lIns="36000" tIns="36000" rIns="36000" bIns="36000" rtlCol="0" anchor="ctr">
            <a:spAutoFit/>
          </a:bodyPr>
          <a:lstStyle/>
          <a:p>
            <a:pPr algn="ctr"/>
            <a:r>
              <a:rPr lang="en-IN" sz="2000" b="1" dirty="0">
                <a:solidFill>
                  <a:schemeClr val="bg2"/>
                </a:solidFill>
              </a:rPr>
              <a:t>Market Partner</a:t>
            </a:r>
          </a:p>
        </p:txBody>
      </p:sp>
      <p:sp>
        <p:nvSpPr>
          <p:cNvPr id="36" name="TextBox 35"/>
          <p:cNvSpPr txBox="1"/>
          <p:nvPr/>
        </p:nvSpPr>
        <p:spPr>
          <a:xfrm>
            <a:off x="10280791" y="2103794"/>
            <a:ext cx="1929600" cy="756000"/>
          </a:xfrm>
          <a:prstGeom prst="rect">
            <a:avLst/>
          </a:prstGeom>
          <a:solidFill>
            <a:schemeClr val="bg1">
              <a:lumMod val="50000"/>
            </a:schemeClr>
          </a:solidFill>
        </p:spPr>
        <p:txBody>
          <a:bodyPr wrap="square" lIns="36000" tIns="36000" rIns="36000" bIns="36000" rtlCol="0" anchor="ctr">
            <a:spAutoFit/>
          </a:bodyPr>
          <a:lstStyle/>
          <a:p>
            <a:pPr algn="ctr"/>
            <a:r>
              <a:rPr lang="en-IN" sz="2000" b="1" dirty="0">
                <a:solidFill>
                  <a:schemeClr val="bg2"/>
                </a:solidFill>
              </a:rPr>
              <a:t>Knowledge Partner</a:t>
            </a: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1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-245" b="16902"/>
          <a:stretch/>
        </p:blipFill>
        <p:spPr>
          <a:xfrm>
            <a:off x="934209" y="2103794"/>
            <a:ext cx="756980" cy="627499"/>
          </a:xfrm>
          <a:prstGeom prst="rect">
            <a:avLst/>
          </a:prstGeom>
        </p:spPr>
      </p:pic>
      <p:pic>
        <p:nvPicPr>
          <p:cNvPr id="1026" name="Picture 2" descr="Mahindra Agri ties up with KeyGene for crop research - English medium"/>
          <p:cNvPicPr>
            <a:picLocks noChangeAspect="1" noChangeArrowheads="1"/>
          </p:cNvPicPr>
          <p:nvPr/>
        </p:nvPicPr>
        <p:blipFill rotWithShape="1">
          <a:blip r:embed="rId1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5924" r="2492" b="21486"/>
          <a:stretch/>
        </p:blipFill>
        <p:spPr bwMode="auto">
          <a:xfrm>
            <a:off x="7057464" y="3005222"/>
            <a:ext cx="2675860" cy="114397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4" name="Picture 10" descr="ICAR AIEEA Admission Form 2016, Notification icar.org.in"/>
          <p:cNvPicPr>
            <a:picLocks noChangeAspect="1" noChangeArrowheads="1"/>
          </p:cNvPicPr>
          <p:nvPr/>
        </p:nvPicPr>
        <p:blipFill>
          <a:blip r:embed="rId1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454621" y="3005222"/>
            <a:ext cx="1580293" cy="140562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6" name="Picture 12" descr="Ninjacart: Founder, Funding, Business Model, And Competitor - Whizsky"/>
          <p:cNvPicPr>
            <a:picLocks noChangeAspect="1" noChangeArrowheads="1"/>
          </p:cNvPicPr>
          <p:nvPr/>
        </p:nvPicPr>
        <p:blipFill rotWithShape="1">
          <a:blip r:embed="rId1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01" r="2320" b="11303"/>
          <a:stretch/>
        </p:blipFill>
        <p:spPr bwMode="auto">
          <a:xfrm>
            <a:off x="10379483" y="5528360"/>
            <a:ext cx="1830908" cy="103118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8" name="Picture 14" descr="eresearch | Godrej Agrovet files papers with SEBI"/>
          <p:cNvPicPr>
            <a:picLocks noChangeAspect="1" noChangeArrowheads="1"/>
          </p:cNvPicPr>
          <p:nvPr/>
        </p:nvPicPr>
        <p:blipFill rotWithShape="1">
          <a:blip r:embed="rId1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2095" b="21479"/>
          <a:stretch/>
        </p:blipFill>
        <p:spPr bwMode="auto">
          <a:xfrm>
            <a:off x="7009049" y="5457707"/>
            <a:ext cx="2772691" cy="104200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4" name="Picture 3"/>
          <p:cNvPicPr>
            <a:picLocks noChangeAspect="1"/>
          </p:cNvPicPr>
          <p:nvPr/>
        </p:nvPicPr>
        <p:blipFill rotWithShape="1">
          <a:blip r:embed="rId1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520" b="15588"/>
          <a:stretch/>
        </p:blipFill>
        <p:spPr>
          <a:xfrm>
            <a:off x="975359" y="3185947"/>
            <a:ext cx="674681" cy="590293"/>
          </a:xfrm>
          <a:prstGeom prst="rect">
            <a:avLst/>
          </a:prstGeom>
        </p:spPr>
      </p:pic>
      <p:grpSp>
        <p:nvGrpSpPr>
          <p:cNvPr id="10" name="Group 9"/>
          <p:cNvGrpSpPr/>
          <p:nvPr/>
        </p:nvGrpSpPr>
        <p:grpSpPr>
          <a:xfrm>
            <a:off x="2162133" y="2094529"/>
            <a:ext cx="3415723" cy="720000"/>
            <a:chOff x="2162133" y="2094529"/>
            <a:chExt cx="3415723" cy="720000"/>
          </a:xfrm>
        </p:grpSpPr>
        <p:sp>
          <p:nvSpPr>
            <p:cNvPr id="37" name="Agenda"/>
            <p:cNvSpPr txBox="1"/>
            <p:nvPr>
              <p:custDataLst>
                <p:tags r:id="rId7"/>
              </p:custDataLst>
            </p:nvPr>
          </p:nvSpPr>
          <p:spPr>
            <a:xfrm>
              <a:off x="2162133" y="2094529"/>
              <a:ext cx="3415723" cy="720000"/>
            </a:xfrm>
            <a:prstGeom prst="rect">
              <a:avLst/>
            </a:prstGeom>
            <a:solidFill>
              <a:schemeClr val="bg2">
                <a:lumMod val="85000"/>
              </a:schemeClr>
            </a:solidFill>
            <a:ln>
              <a:noFill/>
            </a:ln>
          </p:spPr>
          <p:txBody>
            <a:bodyPr vert="horz" wrap="square" lIns="32808" tIns="32808" rIns="32808" bIns="32808" rtlCol="0" anchor="ctr">
              <a:spAutoFit/>
            </a:bodyPr>
            <a:lstStyle/>
            <a:p>
              <a:pPr lvl="0" algn="ctr">
                <a:spcBef>
                  <a:spcPts val="3200"/>
                </a:spcBef>
                <a:buSzPct val="100000"/>
              </a:pPr>
              <a:r>
                <a:rPr lang="en-US" sz="1750" dirty="0">
                  <a:solidFill>
                    <a:prstClr val="black"/>
                  </a:solidFill>
                </a:rPr>
                <a:t> Large scale of operations with diversified risk</a:t>
              </a:r>
            </a:p>
          </p:txBody>
        </p:sp>
        <p:sp>
          <p:nvSpPr>
            <p:cNvPr id="9" name="Isosceles Triangle 8"/>
            <p:cNvSpPr/>
            <p:nvPr/>
          </p:nvSpPr>
          <p:spPr>
            <a:xfrm rot="5400000">
              <a:off x="1894521" y="2362141"/>
              <a:ext cx="720000" cy="184776"/>
            </a:xfrm>
            <a:prstGeom prst="triangle">
              <a:avLst>
                <a:gd name="adj" fmla="val 52138"/>
              </a:avLst>
            </a:prstGeom>
            <a:solidFill>
              <a:srgbClr val="009051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endParaRPr lang="en-IN" sz="2000" dirty="0">
                <a:solidFill>
                  <a:schemeClr val="tx1"/>
                </a:solidFill>
              </a:endParaRPr>
            </a:p>
          </p:txBody>
        </p:sp>
      </p:grpSp>
      <p:grpSp>
        <p:nvGrpSpPr>
          <p:cNvPr id="11" name="Group 10"/>
          <p:cNvGrpSpPr/>
          <p:nvPr/>
        </p:nvGrpSpPr>
        <p:grpSpPr>
          <a:xfrm>
            <a:off x="2195995" y="3150063"/>
            <a:ext cx="3348000" cy="720000"/>
            <a:chOff x="2195995" y="3150063"/>
            <a:chExt cx="3348000" cy="720000"/>
          </a:xfrm>
        </p:grpSpPr>
        <p:sp>
          <p:nvSpPr>
            <p:cNvPr id="41" name="Agenda"/>
            <p:cNvSpPr txBox="1"/>
            <p:nvPr>
              <p:custDataLst>
                <p:tags r:id="rId6"/>
              </p:custDataLst>
            </p:nvPr>
          </p:nvSpPr>
          <p:spPr>
            <a:xfrm>
              <a:off x="2195995" y="3150063"/>
              <a:ext cx="3348000" cy="720000"/>
            </a:xfrm>
            <a:prstGeom prst="rect">
              <a:avLst/>
            </a:prstGeom>
            <a:solidFill>
              <a:schemeClr val="bg2">
                <a:lumMod val="85000"/>
              </a:schemeClr>
            </a:solidFill>
            <a:ln>
              <a:noFill/>
            </a:ln>
          </p:spPr>
          <p:txBody>
            <a:bodyPr vert="horz" wrap="square" lIns="32808" tIns="32808" rIns="32808" bIns="32808" rtlCol="0" anchor="ctr">
              <a:spAutoFit/>
            </a:bodyPr>
            <a:lstStyle/>
            <a:p>
              <a:pPr lvl="0" algn="ctr">
                <a:spcBef>
                  <a:spcPts val="3200"/>
                </a:spcBef>
                <a:buSzPct val="100000"/>
              </a:pPr>
              <a:r>
                <a:rPr lang="en-US" sz="1750" dirty="0">
                  <a:solidFill>
                    <a:prstClr val="black"/>
                  </a:solidFill>
                </a:rPr>
                <a:t>  Stable, long- term customer base</a:t>
              </a:r>
            </a:p>
          </p:txBody>
        </p:sp>
        <p:sp>
          <p:nvSpPr>
            <p:cNvPr id="44" name="Isosceles Triangle 43"/>
            <p:cNvSpPr/>
            <p:nvPr/>
          </p:nvSpPr>
          <p:spPr>
            <a:xfrm rot="5400000">
              <a:off x="1928383" y="3417675"/>
              <a:ext cx="720000" cy="184776"/>
            </a:xfrm>
            <a:prstGeom prst="triangle">
              <a:avLst>
                <a:gd name="adj" fmla="val 52138"/>
              </a:avLst>
            </a:prstGeom>
            <a:solidFill>
              <a:srgbClr val="009051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endParaRPr lang="en-IN" sz="2000" dirty="0">
                <a:solidFill>
                  <a:schemeClr val="tx1"/>
                </a:solidFill>
              </a:endParaRPr>
            </a:p>
          </p:txBody>
        </p:sp>
      </p:grpSp>
      <p:grpSp>
        <p:nvGrpSpPr>
          <p:cNvPr id="38" name="Group 37"/>
          <p:cNvGrpSpPr/>
          <p:nvPr/>
        </p:nvGrpSpPr>
        <p:grpSpPr>
          <a:xfrm>
            <a:off x="2197833" y="4124680"/>
            <a:ext cx="3348000" cy="720000"/>
            <a:chOff x="2197833" y="4124680"/>
            <a:chExt cx="3348000" cy="720000"/>
          </a:xfrm>
        </p:grpSpPr>
        <p:sp>
          <p:nvSpPr>
            <p:cNvPr id="25" name="Agenda"/>
            <p:cNvSpPr txBox="1"/>
            <p:nvPr>
              <p:custDataLst>
                <p:tags r:id="rId5"/>
              </p:custDataLst>
            </p:nvPr>
          </p:nvSpPr>
          <p:spPr>
            <a:xfrm>
              <a:off x="2197833" y="4124680"/>
              <a:ext cx="3348000" cy="720000"/>
            </a:xfrm>
            <a:prstGeom prst="rect">
              <a:avLst/>
            </a:prstGeom>
            <a:solidFill>
              <a:schemeClr val="bg2">
                <a:lumMod val="85000"/>
              </a:schemeClr>
            </a:solidFill>
            <a:ln>
              <a:noFill/>
            </a:ln>
          </p:spPr>
          <p:txBody>
            <a:bodyPr vert="horz" wrap="square" lIns="32808" tIns="32808" rIns="32808" bIns="32808" rtlCol="0" anchor="ctr">
              <a:spAutoFit/>
            </a:bodyPr>
            <a:lstStyle/>
            <a:p>
              <a:pPr lvl="0" algn="ctr">
                <a:spcBef>
                  <a:spcPts val="3200"/>
                </a:spcBef>
                <a:buSzPct val="100000"/>
              </a:pPr>
              <a:r>
                <a:rPr lang="en-US" sz="1750" dirty="0">
                  <a:solidFill>
                    <a:prstClr val="black"/>
                  </a:solidFill>
                </a:rPr>
                <a:t>Single vendor for high quality produce</a:t>
              </a:r>
            </a:p>
          </p:txBody>
        </p:sp>
        <p:sp>
          <p:nvSpPr>
            <p:cNvPr id="45" name="Isosceles Triangle 44"/>
            <p:cNvSpPr/>
            <p:nvPr/>
          </p:nvSpPr>
          <p:spPr>
            <a:xfrm rot="5400000">
              <a:off x="1930221" y="4392292"/>
              <a:ext cx="720000" cy="184776"/>
            </a:xfrm>
            <a:prstGeom prst="triangle">
              <a:avLst>
                <a:gd name="adj" fmla="val 52138"/>
              </a:avLst>
            </a:prstGeom>
            <a:solidFill>
              <a:srgbClr val="009051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endParaRPr lang="en-IN" sz="2000" dirty="0">
                <a:solidFill>
                  <a:schemeClr val="tx1"/>
                </a:solidFill>
              </a:endParaRPr>
            </a:p>
          </p:txBody>
        </p:sp>
      </p:grpSp>
      <p:grpSp>
        <p:nvGrpSpPr>
          <p:cNvPr id="39" name="Group 38"/>
          <p:cNvGrpSpPr/>
          <p:nvPr/>
        </p:nvGrpSpPr>
        <p:grpSpPr>
          <a:xfrm>
            <a:off x="2197832" y="5119226"/>
            <a:ext cx="3348000" cy="720000"/>
            <a:chOff x="2197832" y="5119226"/>
            <a:chExt cx="3348000" cy="720000"/>
          </a:xfrm>
        </p:grpSpPr>
        <p:sp>
          <p:nvSpPr>
            <p:cNvPr id="29" name="Agenda"/>
            <p:cNvSpPr txBox="1"/>
            <p:nvPr>
              <p:custDataLst>
                <p:tags r:id="rId4"/>
              </p:custDataLst>
            </p:nvPr>
          </p:nvSpPr>
          <p:spPr>
            <a:xfrm>
              <a:off x="2197832" y="5119226"/>
              <a:ext cx="3348000" cy="720000"/>
            </a:xfrm>
            <a:prstGeom prst="rect">
              <a:avLst/>
            </a:prstGeom>
            <a:solidFill>
              <a:schemeClr val="bg2">
                <a:lumMod val="85000"/>
              </a:schemeClr>
            </a:solidFill>
            <a:ln>
              <a:noFill/>
            </a:ln>
          </p:spPr>
          <p:txBody>
            <a:bodyPr vert="horz" wrap="square" lIns="32808" tIns="32808" rIns="32808" bIns="32808" rtlCol="0" anchor="ctr">
              <a:spAutoFit/>
            </a:bodyPr>
            <a:lstStyle/>
            <a:p>
              <a:pPr algn="ctr">
                <a:spcBef>
                  <a:spcPts val="3200"/>
                </a:spcBef>
                <a:buSzPct val="100000"/>
              </a:pPr>
              <a:r>
                <a:rPr lang="en-US" sz="1750" dirty="0">
                  <a:solidFill>
                    <a:prstClr val="black"/>
                  </a:solidFill>
                </a:rPr>
                <a:t> Variety of high quality crops, fruits and vegetables</a:t>
              </a:r>
            </a:p>
          </p:txBody>
        </p:sp>
        <p:sp>
          <p:nvSpPr>
            <p:cNvPr id="46" name="Isosceles Triangle 45"/>
            <p:cNvSpPr/>
            <p:nvPr/>
          </p:nvSpPr>
          <p:spPr>
            <a:xfrm rot="5400000">
              <a:off x="1929302" y="5387757"/>
              <a:ext cx="720000" cy="182938"/>
            </a:xfrm>
            <a:prstGeom prst="triangle">
              <a:avLst>
                <a:gd name="adj" fmla="val 52138"/>
              </a:avLst>
            </a:prstGeom>
            <a:solidFill>
              <a:srgbClr val="009051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endParaRPr lang="en-IN" sz="2000" dirty="0">
                <a:solidFill>
                  <a:schemeClr val="tx1"/>
                </a:solidFill>
              </a:endParaRPr>
            </a:p>
          </p:txBody>
        </p:sp>
      </p:grpSp>
      <p:grpSp>
        <p:nvGrpSpPr>
          <p:cNvPr id="40" name="Group 39"/>
          <p:cNvGrpSpPr/>
          <p:nvPr/>
        </p:nvGrpSpPr>
        <p:grpSpPr>
          <a:xfrm>
            <a:off x="2197833" y="6060481"/>
            <a:ext cx="3348000" cy="720000"/>
            <a:chOff x="2197833" y="6060481"/>
            <a:chExt cx="3348000" cy="720000"/>
          </a:xfrm>
        </p:grpSpPr>
        <p:sp>
          <p:nvSpPr>
            <p:cNvPr id="32" name="Agenda"/>
            <p:cNvSpPr txBox="1"/>
            <p:nvPr>
              <p:custDataLst>
                <p:tags r:id="rId3"/>
              </p:custDataLst>
            </p:nvPr>
          </p:nvSpPr>
          <p:spPr>
            <a:xfrm>
              <a:off x="2197833" y="6060481"/>
              <a:ext cx="3348000" cy="720000"/>
            </a:xfrm>
            <a:prstGeom prst="rect">
              <a:avLst/>
            </a:prstGeom>
            <a:solidFill>
              <a:schemeClr val="bg2">
                <a:lumMod val="85000"/>
              </a:schemeClr>
            </a:solidFill>
            <a:ln>
              <a:noFill/>
            </a:ln>
          </p:spPr>
          <p:txBody>
            <a:bodyPr vert="horz" wrap="square" lIns="32808" tIns="32808" rIns="32808" bIns="32808" rtlCol="0" anchor="ctr">
              <a:spAutoFit/>
            </a:bodyPr>
            <a:lstStyle/>
            <a:p>
              <a:pPr lvl="0" algn="ctr">
                <a:spcBef>
                  <a:spcPts val="3200"/>
                </a:spcBef>
                <a:buSzPct val="100000"/>
              </a:pPr>
              <a:r>
                <a:rPr lang="en-US" sz="1750" dirty="0">
                  <a:solidFill>
                    <a:prstClr val="black"/>
                  </a:solidFill>
                </a:rPr>
                <a:t>Easier fleet management with a single pickup point</a:t>
              </a:r>
            </a:p>
          </p:txBody>
        </p:sp>
        <p:sp>
          <p:nvSpPr>
            <p:cNvPr id="47" name="Isosceles Triangle 46"/>
            <p:cNvSpPr/>
            <p:nvPr/>
          </p:nvSpPr>
          <p:spPr>
            <a:xfrm rot="5400000">
              <a:off x="1930221" y="6328093"/>
              <a:ext cx="720000" cy="184776"/>
            </a:xfrm>
            <a:prstGeom prst="triangle">
              <a:avLst>
                <a:gd name="adj" fmla="val 52138"/>
              </a:avLst>
            </a:prstGeom>
            <a:solidFill>
              <a:srgbClr val="009051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endParaRPr lang="en-IN" sz="2000" dirty="0">
                <a:solidFill>
                  <a:schemeClr val="tx1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351921704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" name="TextBox 17"/>
          <p:cNvSpPr txBox="1"/>
          <p:nvPr/>
        </p:nvSpPr>
        <p:spPr>
          <a:xfrm>
            <a:off x="4663440" y="4277580"/>
            <a:ext cx="7749054" cy="903700"/>
          </a:xfrm>
          <a:prstGeom prst="rect">
            <a:avLst/>
          </a:prstGeom>
          <a:noFill/>
          <a:ln>
            <a:noFill/>
          </a:ln>
        </p:spPr>
        <p:txBody>
          <a:bodyPr wrap="square" lIns="36000" tIns="36000" rIns="36000" bIns="36000" rtlCol="0">
            <a:spAutoFit/>
          </a:bodyPr>
          <a:lstStyle/>
          <a:p>
            <a:pPr>
              <a:spcBef>
                <a:spcPts val="3200"/>
              </a:spcBef>
              <a:buSzPct val="100000"/>
            </a:pPr>
            <a:r>
              <a:rPr lang="en-US" dirty="0"/>
              <a:t>The management will be responsible for finding another suitable investor as replacement. inability would result in selling a part of the land to allow exit.</a:t>
            </a:r>
          </a:p>
        </p:txBody>
      </p:sp>
      <p:sp>
        <p:nvSpPr>
          <p:cNvPr id="5" name="Title 1">
            <a:extLst>
              <a:ext uri="{FF2B5EF4-FFF2-40B4-BE49-F238E27FC236}">
                <a16:creationId xmlns:a16="http://schemas.microsoft.com/office/drawing/2014/main" id="{D5B1C0A7-38E7-4248-A5DE-0D739461F8F3}"/>
              </a:ext>
            </a:extLst>
          </p:cNvPr>
          <p:cNvSpPr txBox="1">
            <a:spLocks/>
          </p:cNvSpPr>
          <p:nvPr/>
        </p:nvSpPr>
        <p:spPr bwMode="gray">
          <a:xfrm>
            <a:off x="236498" y="308222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WE have also developed strategies to mitigate major risks</a:t>
            </a:r>
          </a:p>
        </p:txBody>
      </p:sp>
      <p:sp>
        <p:nvSpPr>
          <p:cNvPr id="6" name="Rectangle 5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7" name="Rectangle 6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2" name="TextBox 1"/>
          <p:cNvSpPr txBox="1"/>
          <p:nvPr/>
        </p:nvSpPr>
        <p:spPr>
          <a:xfrm rot="16200000">
            <a:off x="-264160" y="2452978"/>
            <a:ext cx="2255520" cy="380480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algn="ctr"/>
            <a:r>
              <a:rPr lang="en-IN" sz="2000" b="1" dirty="0"/>
              <a:t>Farming</a:t>
            </a:r>
          </a:p>
        </p:txBody>
      </p:sp>
      <p:sp>
        <p:nvSpPr>
          <p:cNvPr id="10" name="TextBox 9"/>
          <p:cNvSpPr txBox="1"/>
          <p:nvPr/>
        </p:nvSpPr>
        <p:spPr>
          <a:xfrm rot="16200000">
            <a:off x="-264159" y="5003302"/>
            <a:ext cx="2255520" cy="380480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algn="ctr"/>
            <a:r>
              <a:rPr lang="en-IN" sz="2000" b="1" dirty="0"/>
              <a:t>Market</a:t>
            </a:r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D7D281A0-D4FF-2242-9237-0A4337462FA5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4663440" y="1453860"/>
            <a:ext cx="7651777" cy="394884"/>
          </a:xfrm>
          <a:prstGeom prst="rect">
            <a:avLst/>
          </a:prstGeom>
          <a:blipFill dpi="0" rotWithShape="1">
            <a:blip r:embed="rId4"/>
            <a:srcRect/>
            <a:tile tx="0" ty="0" sx="100000" sy="100000" flip="xy" algn="b"/>
          </a:blipFill>
        </p:spPr>
        <p:txBody>
          <a:bodyPr vert="horz" wrap="square" lIns="0" tIns="0" rIns="0" bIns="86265" rtlCol="0" anchor="b">
            <a:spAutoFit/>
          </a:bodyPr>
          <a:lstStyle/>
          <a:p>
            <a:pPr lvl="0" algn="ctr">
              <a:spcBef>
                <a:spcPts val="3200"/>
              </a:spcBef>
              <a:buSzPct val="100000"/>
            </a:pPr>
            <a:r>
              <a:rPr lang="en-US" sz="2000" b="1" dirty="0">
                <a:solidFill>
                  <a:srgbClr val="009051"/>
                </a:solidFill>
              </a:rPr>
              <a:t>MITIGATION STRATEGY</a:t>
            </a:r>
            <a:endParaRPr lang="en-US" sz="2000" dirty="0">
              <a:solidFill>
                <a:prstClr val="black"/>
              </a:solidFill>
            </a:endParaRPr>
          </a:p>
        </p:txBody>
      </p:sp>
      <p:sp>
        <p:nvSpPr>
          <p:cNvPr id="22" name="TextBox 21">
            <a:extLst>
              <a:ext uri="{FF2B5EF4-FFF2-40B4-BE49-F238E27FC236}">
                <a16:creationId xmlns:a16="http://schemas.microsoft.com/office/drawing/2014/main" id="{D7D281A0-D4FF-2242-9237-0A4337462FA5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1259840" y="1453860"/>
            <a:ext cx="2895600" cy="394884"/>
          </a:xfrm>
          <a:prstGeom prst="rect">
            <a:avLst/>
          </a:prstGeom>
          <a:blipFill dpi="0" rotWithShape="1">
            <a:blip r:embed="rId4"/>
            <a:srcRect/>
            <a:tile tx="0" ty="0" sx="100000" sy="100000" flip="xy" algn="b"/>
          </a:blipFill>
        </p:spPr>
        <p:txBody>
          <a:bodyPr vert="horz" wrap="square" lIns="0" tIns="0" rIns="0" bIns="86265" rtlCol="0" anchor="b">
            <a:spAutoFit/>
          </a:bodyPr>
          <a:lstStyle/>
          <a:p>
            <a:pPr lvl="0" algn="ctr">
              <a:spcBef>
                <a:spcPts val="3200"/>
              </a:spcBef>
              <a:buSzPct val="100000"/>
            </a:pPr>
            <a:r>
              <a:rPr lang="en-US" sz="2000" b="1" dirty="0">
                <a:solidFill>
                  <a:srgbClr val="009051"/>
                </a:solidFill>
              </a:rPr>
              <a:t>RISK SCENARIO</a:t>
            </a:r>
            <a:endParaRPr lang="en-US" sz="2000" dirty="0">
              <a:solidFill>
                <a:prstClr val="black"/>
              </a:solidFill>
            </a:endParaRPr>
          </a:p>
        </p:txBody>
      </p:sp>
      <p:cxnSp>
        <p:nvCxnSpPr>
          <p:cNvPr id="24" name="Straight Connector 23"/>
          <p:cNvCxnSpPr/>
          <p:nvPr/>
        </p:nvCxnSpPr>
        <p:spPr>
          <a:xfrm>
            <a:off x="1178560" y="4285571"/>
            <a:ext cx="11136657" cy="0"/>
          </a:xfrm>
          <a:prstGeom prst="line">
            <a:avLst/>
          </a:prstGeom>
          <a:ln w="19050">
            <a:solidFill>
              <a:srgbClr val="C2C2C2"/>
            </a:solidFill>
            <a:prstDash val="lg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7" name="Straight Connector 26"/>
          <p:cNvCxnSpPr/>
          <p:nvPr/>
        </p:nvCxnSpPr>
        <p:spPr>
          <a:xfrm>
            <a:off x="1097280" y="1787784"/>
            <a:ext cx="0" cy="4888577"/>
          </a:xfrm>
          <a:prstGeom prst="line">
            <a:avLst/>
          </a:prstGeom>
          <a:ln w="19050">
            <a:solidFill>
              <a:srgbClr val="C2C2C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TextBox 12"/>
          <p:cNvSpPr txBox="1"/>
          <p:nvPr/>
        </p:nvSpPr>
        <p:spPr>
          <a:xfrm>
            <a:off x="1300480" y="2758168"/>
            <a:ext cx="2854960" cy="626701"/>
          </a:xfrm>
          <a:prstGeom prst="rect">
            <a:avLst/>
          </a:prstGeom>
          <a:solidFill>
            <a:srgbClr val="92D050">
              <a:alpha val="30000"/>
            </a:srgbClr>
          </a:solidFill>
        </p:spPr>
        <p:txBody>
          <a:bodyPr wrap="square" lIns="36000" tIns="36000" rIns="36000" bIns="36000" rtlCol="0">
            <a:spAutoFit/>
          </a:bodyPr>
          <a:lstStyle/>
          <a:p>
            <a:r>
              <a:rPr lang="en-IN" b="1" dirty="0"/>
              <a:t>Crop Failure due to Natural Calamity</a:t>
            </a:r>
          </a:p>
        </p:txBody>
      </p:sp>
      <p:sp>
        <p:nvSpPr>
          <p:cNvPr id="17" name="TextBox 16"/>
          <p:cNvSpPr txBox="1"/>
          <p:nvPr/>
        </p:nvSpPr>
        <p:spPr>
          <a:xfrm>
            <a:off x="4663440" y="2756712"/>
            <a:ext cx="7749054" cy="626701"/>
          </a:xfrm>
          <a:prstGeom prst="rect">
            <a:avLst/>
          </a:prstGeom>
          <a:noFill/>
          <a:ln>
            <a:noFill/>
          </a:ln>
        </p:spPr>
        <p:txBody>
          <a:bodyPr wrap="square" lIns="36000" tIns="36000" rIns="36000" bIns="36000" rtlCol="0">
            <a:spAutoFit/>
          </a:bodyPr>
          <a:lstStyle/>
          <a:p>
            <a:pPr lvl="0">
              <a:spcBef>
                <a:spcPts val="3200"/>
              </a:spcBef>
              <a:buSzPct val="100000"/>
            </a:pPr>
            <a:r>
              <a:rPr lang="en-US" dirty="0"/>
              <a:t>Government crop insurance allows us to maintain the farmer salaries in the event of a crop failure.</a:t>
            </a:r>
          </a:p>
        </p:txBody>
      </p:sp>
      <p:sp>
        <p:nvSpPr>
          <p:cNvPr id="3" name="Right Arrow 2"/>
          <p:cNvSpPr/>
          <p:nvPr/>
        </p:nvSpPr>
        <p:spPr>
          <a:xfrm>
            <a:off x="4216459" y="2882775"/>
            <a:ext cx="388895" cy="374574"/>
          </a:xfrm>
          <a:prstGeom prst="rightArrow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1300480" y="3565872"/>
            <a:ext cx="2854960" cy="626701"/>
          </a:xfrm>
          <a:prstGeom prst="rect">
            <a:avLst/>
          </a:prstGeom>
          <a:solidFill>
            <a:srgbClr val="92D050">
              <a:alpha val="30000"/>
            </a:srgbClr>
          </a:solidFill>
        </p:spPr>
        <p:txBody>
          <a:bodyPr wrap="square" lIns="36000" tIns="36000" rIns="36000" bIns="36000" rtlCol="0">
            <a:spAutoFit/>
          </a:bodyPr>
          <a:lstStyle/>
          <a:p>
            <a:r>
              <a:rPr lang="en-IN" b="1" dirty="0"/>
              <a:t>Farmer union protests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4663440" y="3566371"/>
            <a:ext cx="7749054" cy="626701"/>
          </a:xfrm>
          <a:prstGeom prst="rect">
            <a:avLst/>
          </a:prstGeom>
          <a:noFill/>
          <a:ln>
            <a:noFill/>
          </a:ln>
        </p:spPr>
        <p:txBody>
          <a:bodyPr wrap="square" lIns="36000" tIns="36000" rIns="36000" bIns="36000" rtlCol="0">
            <a:spAutoFit/>
          </a:bodyPr>
          <a:lstStyle/>
          <a:p>
            <a:r>
              <a:rPr lang="en-IN" dirty="0"/>
              <a:t>The</a:t>
            </a:r>
            <a:r>
              <a:rPr lang="en-US" dirty="0"/>
              <a:t> community development contribution and better incentives are intended to keep such unrests at bay.</a:t>
            </a:r>
          </a:p>
        </p:txBody>
      </p:sp>
      <p:sp>
        <p:nvSpPr>
          <p:cNvPr id="25" name="Right Arrow 24"/>
          <p:cNvSpPr/>
          <p:nvPr/>
        </p:nvSpPr>
        <p:spPr>
          <a:xfrm>
            <a:off x="4216459" y="3692434"/>
            <a:ext cx="388895" cy="374574"/>
          </a:xfrm>
          <a:prstGeom prst="rightArrow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14" name="TextBox 13"/>
          <p:cNvSpPr txBox="1"/>
          <p:nvPr/>
        </p:nvSpPr>
        <p:spPr>
          <a:xfrm>
            <a:off x="1300480" y="4373576"/>
            <a:ext cx="2854960" cy="626701"/>
          </a:xfrm>
          <a:prstGeom prst="rect">
            <a:avLst/>
          </a:prstGeom>
          <a:solidFill>
            <a:srgbClr val="009051">
              <a:alpha val="30000"/>
            </a:srgbClr>
          </a:solidFill>
        </p:spPr>
        <p:txBody>
          <a:bodyPr wrap="square" lIns="36000" tIns="36000" rIns="36000" bIns="36000" rtlCol="0">
            <a:spAutoFit/>
          </a:bodyPr>
          <a:lstStyle/>
          <a:p>
            <a:r>
              <a:rPr lang="en-IN" b="1" dirty="0"/>
              <a:t>Early exit by investors</a:t>
            </a:r>
          </a:p>
        </p:txBody>
      </p:sp>
      <p:sp>
        <p:nvSpPr>
          <p:cNvPr id="26" name="Right Arrow 25"/>
          <p:cNvSpPr/>
          <p:nvPr/>
        </p:nvSpPr>
        <p:spPr>
          <a:xfrm>
            <a:off x="4216459" y="4542143"/>
            <a:ext cx="388895" cy="374574"/>
          </a:xfrm>
          <a:prstGeom prst="rightArrow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1300480" y="5181280"/>
            <a:ext cx="2854960" cy="626701"/>
          </a:xfrm>
          <a:prstGeom prst="rect">
            <a:avLst/>
          </a:prstGeom>
          <a:solidFill>
            <a:srgbClr val="009051">
              <a:alpha val="30000"/>
            </a:srgbClr>
          </a:solidFill>
        </p:spPr>
        <p:txBody>
          <a:bodyPr wrap="square" lIns="36000" tIns="36000" rIns="36000" bIns="36000" rtlCol="0">
            <a:spAutoFit/>
          </a:bodyPr>
          <a:lstStyle/>
          <a:p>
            <a:r>
              <a:rPr lang="en-IN" b="1" dirty="0"/>
              <a:t>Variability in price of produce</a:t>
            </a:r>
          </a:p>
        </p:txBody>
      </p:sp>
      <p:sp>
        <p:nvSpPr>
          <p:cNvPr id="20" name="TextBox 19"/>
          <p:cNvSpPr txBox="1"/>
          <p:nvPr/>
        </p:nvSpPr>
        <p:spPr>
          <a:xfrm>
            <a:off x="4663440" y="5186438"/>
            <a:ext cx="7749054" cy="626701"/>
          </a:xfrm>
          <a:prstGeom prst="rect">
            <a:avLst/>
          </a:prstGeom>
          <a:noFill/>
          <a:ln>
            <a:noFill/>
          </a:ln>
        </p:spPr>
        <p:txBody>
          <a:bodyPr wrap="square" lIns="36000" tIns="36000" rIns="36000" bIns="36000" rtlCol="0">
            <a:spAutoFit/>
          </a:bodyPr>
          <a:lstStyle/>
          <a:p>
            <a:r>
              <a:rPr lang="en-IN" dirty="0"/>
              <a:t>Delivery contracts(futures) with big retailers like Reliance Fresh or </a:t>
            </a:r>
            <a:r>
              <a:rPr lang="en-IN" dirty="0" err="1"/>
              <a:t>BigBasket</a:t>
            </a:r>
            <a:r>
              <a:rPr lang="en-IN" dirty="0"/>
              <a:t> can fix a future selling price. </a:t>
            </a:r>
          </a:p>
        </p:txBody>
      </p:sp>
      <p:sp>
        <p:nvSpPr>
          <p:cNvPr id="28" name="Right Arrow 27"/>
          <p:cNvSpPr/>
          <p:nvPr/>
        </p:nvSpPr>
        <p:spPr>
          <a:xfrm>
            <a:off x="4216459" y="5303896"/>
            <a:ext cx="388895" cy="374574"/>
          </a:xfrm>
          <a:prstGeom prst="rightArrow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29" name="TextBox 28"/>
          <p:cNvSpPr txBox="1"/>
          <p:nvPr/>
        </p:nvSpPr>
        <p:spPr>
          <a:xfrm>
            <a:off x="1300480" y="5988984"/>
            <a:ext cx="2854960" cy="626701"/>
          </a:xfrm>
          <a:prstGeom prst="rect">
            <a:avLst/>
          </a:prstGeom>
          <a:solidFill>
            <a:srgbClr val="009051">
              <a:alpha val="30000"/>
            </a:srgbClr>
          </a:solidFill>
        </p:spPr>
        <p:txBody>
          <a:bodyPr wrap="square" lIns="36000" tIns="36000" rIns="36000" bIns="36000" rtlCol="0">
            <a:spAutoFit/>
          </a:bodyPr>
          <a:lstStyle/>
          <a:p>
            <a:r>
              <a:rPr lang="en-IN" b="1" dirty="0"/>
              <a:t>Low market demand of the produce</a:t>
            </a:r>
          </a:p>
        </p:txBody>
      </p:sp>
      <p:sp>
        <p:nvSpPr>
          <p:cNvPr id="30" name="TextBox 29"/>
          <p:cNvSpPr txBox="1"/>
          <p:nvPr/>
        </p:nvSpPr>
        <p:spPr>
          <a:xfrm>
            <a:off x="4663440" y="5831411"/>
            <a:ext cx="7749054" cy="903700"/>
          </a:xfrm>
          <a:prstGeom prst="rect">
            <a:avLst/>
          </a:prstGeom>
          <a:noFill/>
          <a:ln>
            <a:noFill/>
          </a:ln>
        </p:spPr>
        <p:txBody>
          <a:bodyPr wrap="square" lIns="36000" tIns="36000" rIns="36000" bIns="36000" rtlCol="0">
            <a:spAutoFit/>
          </a:bodyPr>
          <a:lstStyle/>
          <a:p>
            <a:r>
              <a:rPr lang="en-IN" dirty="0"/>
              <a:t>Tie-ups with cold storage units like </a:t>
            </a:r>
            <a:r>
              <a:rPr lang="en-IN" dirty="0" err="1"/>
              <a:t>Ecozen</a:t>
            </a:r>
            <a:r>
              <a:rPr lang="en-IN" dirty="0"/>
              <a:t> would allow us to store the produce in case the market partner is unable to provide immediate logistical support. </a:t>
            </a:r>
          </a:p>
        </p:txBody>
      </p:sp>
      <p:sp>
        <p:nvSpPr>
          <p:cNvPr id="31" name="Right Arrow 30"/>
          <p:cNvSpPr/>
          <p:nvPr/>
        </p:nvSpPr>
        <p:spPr>
          <a:xfrm>
            <a:off x="4216459" y="6095974"/>
            <a:ext cx="388895" cy="374574"/>
          </a:xfrm>
          <a:prstGeom prst="rightArrow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34" name="TextBox 33"/>
          <p:cNvSpPr txBox="1"/>
          <p:nvPr/>
        </p:nvSpPr>
        <p:spPr>
          <a:xfrm>
            <a:off x="1300480" y="1950464"/>
            <a:ext cx="2854960" cy="626701"/>
          </a:xfrm>
          <a:prstGeom prst="rect">
            <a:avLst/>
          </a:prstGeom>
          <a:solidFill>
            <a:srgbClr val="92D050">
              <a:alpha val="30000"/>
            </a:srgbClr>
          </a:solidFill>
        </p:spPr>
        <p:txBody>
          <a:bodyPr wrap="square" lIns="36000" tIns="36000" rIns="36000" bIns="36000" rtlCol="0">
            <a:spAutoFit/>
          </a:bodyPr>
          <a:lstStyle/>
          <a:p>
            <a:r>
              <a:rPr lang="en-IN" b="1" dirty="0"/>
              <a:t>Equipment or Technology failure</a:t>
            </a:r>
          </a:p>
        </p:txBody>
      </p:sp>
      <p:sp>
        <p:nvSpPr>
          <p:cNvPr id="35" name="TextBox 34"/>
          <p:cNvSpPr txBox="1"/>
          <p:nvPr/>
        </p:nvSpPr>
        <p:spPr>
          <a:xfrm>
            <a:off x="4663439" y="1811964"/>
            <a:ext cx="7749054" cy="903700"/>
          </a:xfrm>
          <a:prstGeom prst="rect">
            <a:avLst/>
          </a:prstGeom>
          <a:noFill/>
          <a:ln>
            <a:noFill/>
          </a:ln>
        </p:spPr>
        <p:txBody>
          <a:bodyPr wrap="square" lIns="36000" tIns="36000" rIns="36000" bIns="36000" rtlCol="0">
            <a:spAutoFit/>
          </a:bodyPr>
          <a:lstStyle/>
          <a:p>
            <a:pPr lvl="0">
              <a:spcBef>
                <a:spcPts val="3200"/>
              </a:spcBef>
              <a:buSzPct val="100000"/>
            </a:pPr>
            <a:r>
              <a:rPr lang="en-US" dirty="0"/>
              <a:t>Equipment will be purchased only from suppliers with track record of similar scale operations. Warranties and insurance costs have been included in the operating expenses.</a:t>
            </a:r>
          </a:p>
        </p:txBody>
      </p:sp>
      <p:sp>
        <p:nvSpPr>
          <p:cNvPr id="36" name="Right Arrow 35"/>
          <p:cNvSpPr/>
          <p:nvPr/>
        </p:nvSpPr>
        <p:spPr>
          <a:xfrm>
            <a:off x="4216458" y="2076527"/>
            <a:ext cx="388895" cy="374574"/>
          </a:xfrm>
          <a:prstGeom prst="rightArrow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4588472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3" name="BainBulletsConfiguration" hidden="1"/>
          <p:cNvSpPr txBox="1"/>
          <p:nvPr/>
        </p:nvSpPr>
        <p:spPr>
          <a:xfrm>
            <a:off x="1712288" y="12323"/>
            <a:ext cx="8626466" cy="107722"/>
          </a:xfrm>
          <a:prstGeom prst="rect">
            <a:avLst/>
          </a:prstGeom>
          <a:noFill/>
        </p:spPr>
        <p:txBody>
          <a:bodyPr vert="horz" wrap="square" lIns="44365" rIns="44365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24" name="Title 1">
            <a:extLst>
              <a:ext uri="{FF2B5EF4-FFF2-40B4-BE49-F238E27FC236}">
                <a16:creationId xmlns:a16="http://schemas.microsoft.com/office/drawing/2014/main" id="{5E555FDA-F4B6-2245-A92A-E847FDFB68C9}"/>
              </a:ext>
            </a:extLst>
          </p:cNvPr>
          <p:cNvSpPr txBox="1">
            <a:spLocks/>
          </p:cNvSpPr>
          <p:nvPr/>
        </p:nvSpPr>
        <p:spPr bwMode="gray">
          <a:xfrm>
            <a:off x="236498" y="0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Timeline and execution roadmap</a:t>
            </a:r>
            <a:endParaRPr lang="en-US" sz="2400" b="1" dirty="0">
              <a:solidFill>
                <a:srgbClr val="009051"/>
              </a:solidFill>
            </a:endParaRPr>
          </a:p>
        </p:txBody>
      </p:sp>
      <p:sp>
        <p:nvSpPr>
          <p:cNvPr id="26" name="Rectangle 25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11" name="TextBox 10"/>
          <p:cNvSpPr txBox="1"/>
          <p:nvPr/>
        </p:nvSpPr>
        <p:spPr>
          <a:xfrm>
            <a:off x="1933466" y="1998812"/>
            <a:ext cx="341523" cy="226591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algn="ctr"/>
            <a:r>
              <a:rPr lang="en-IN" sz="1000" b="1" dirty="0"/>
              <a:t>Y1</a:t>
            </a:r>
          </a:p>
        </p:txBody>
      </p:sp>
      <p:sp>
        <p:nvSpPr>
          <p:cNvPr id="40" name="TextBox 39"/>
          <p:cNvSpPr txBox="1"/>
          <p:nvPr/>
        </p:nvSpPr>
        <p:spPr>
          <a:xfrm>
            <a:off x="2814816" y="2003625"/>
            <a:ext cx="341523" cy="226591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algn="ctr"/>
            <a:r>
              <a:rPr lang="en-IN" sz="1000" b="1" dirty="0"/>
              <a:t>Y2</a:t>
            </a:r>
          </a:p>
        </p:txBody>
      </p:sp>
      <p:sp>
        <p:nvSpPr>
          <p:cNvPr id="41" name="TextBox 40"/>
          <p:cNvSpPr txBox="1"/>
          <p:nvPr/>
        </p:nvSpPr>
        <p:spPr>
          <a:xfrm>
            <a:off x="3562104" y="1998812"/>
            <a:ext cx="341523" cy="226591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algn="ctr"/>
            <a:r>
              <a:rPr lang="en-IN" sz="1000" b="1" dirty="0"/>
              <a:t>Y3</a:t>
            </a:r>
          </a:p>
        </p:txBody>
      </p:sp>
      <p:sp>
        <p:nvSpPr>
          <p:cNvPr id="42" name="TextBox 41"/>
          <p:cNvSpPr txBox="1"/>
          <p:nvPr/>
        </p:nvSpPr>
        <p:spPr>
          <a:xfrm>
            <a:off x="4460134" y="1998812"/>
            <a:ext cx="341523" cy="226591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algn="ctr"/>
            <a:r>
              <a:rPr lang="en-IN" sz="1000" b="1" dirty="0"/>
              <a:t>Y4</a:t>
            </a:r>
          </a:p>
        </p:txBody>
      </p:sp>
      <p:sp>
        <p:nvSpPr>
          <p:cNvPr id="43" name="TextBox 42"/>
          <p:cNvSpPr txBox="1"/>
          <p:nvPr/>
        </p:nvSpPr>
        <p:spPr>
          <a:xfrm>
            <a:off x="5264123" y="1997369"/>
            <a:ext cx="322447" cy="226591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algn="ctr"/>
            <a:r>
              <a:rPr lang="en-IN" sz="1000" b="1" dirty="0"/>
              <a:t>Y5</a:t>
            </a:r>
          </a:p>
        </p:txBody>
      </p:sp>
      <p:sp>
        <p:nvSpPr>
          <p:cNvPr id="45" name="TextBox 44"/>
          <p:cNvSpPr txBox="1"/>
          <p:nvPr/>
        </p:nvSpPr>
        <p:spPr>
          <a:xfrm>
            <a:off x="6010208" y="1997370"/>
            <a:ext cx="426901" cy="226591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algn="ctr"/>
            <a:r>
              <a:rPr lang="en-IN" sz="1000" b="1" dirty="0"/>
              <a:t>Y6</a:t>
            </a:r>
          </a:p>
        </p:txBody>
      </p:sp>
      <p:sp>
        <p:nvSpPr>
          <p:cNvPr id="46" name="TextBox 45"/>
          <p:cNvSpPr txBox="1"/>
          <p:nvPr/>
        </p:nvSpPr>
        <p:spPr>
          <a:xfrm>
            <a:off x="6830997" y="1997371"/>
            <a:ext cx="384211" cy="226590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algn="ctr"/>
            <a:r>
              <a:rPr lang="en-IN" sz="1000" b="1" dirty="0"/>
              <a:t>Y7</a:t>
            </a:r>
          </a:p>
        </p:txBody>
      </p:sp>
      <p:sp>
        <p:nvSpPr>
          <p:cNvPr id="48" name="TextBox 47"/>
          <p:cNvSpPr txBox="1"/>
          <p:nvPr/>
        </p:nvSpPr>
        <p:spPr>
          <a:xfrm>
            <a:off x="7609096" y="1997370"/>
            <a:ext cx="426901" cy="226591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algn="ctr"/>
            <a:r>
              <a:rPr lang="en-IN" sz="1000" b="1" dirty="0"/>
              <a:t>Y8</a:t>
            </a:r>
          </a:p>
        </p:txBody>
      </p:sp>
      <p:sp>
        <p:nvSpPr>
          <p:cNvPr id="49" name="TextBox 48"/>
          <p:cNvSpPr txBox="1"/>
          <p:nvPr/>
        </p:nvSpPr>
        <p:spPr>
          <a:xfrm>
            <a:off x="8415814" y="2002202"/>
            <a:ext cx="456794" cy="226591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algn="ctr"/>
            <a:r>
              <a:rPr lang="en-IN" sz="1000" b="1" dirty="0"/>
              <a:t>Y9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1586431" y="2407903"/>
            <a:ext cx="958470" cy="349702"/>
          </a:xfrm>
          <a:prstGeom prst="rect">
            <a:avLst/>
          </a:prstGeom>
          <a:solidFill>
            <a:srgbClr val="007040"/>
          </a:solidFill>
        </p:spPr>
        <p:txBody>
          <a:bodyPr wrap="square" lIns="36000" tIns="36000" rIns="36000" bIns="36000" rtlCol="0">
            <a:spAutoFit/>
          </a:bodyPr>
          <a:lstStyle/>
          <a:p>
            <a:r>
              <a:rPr lang="en-IN" sz="900" dirty="0">
                <a:solidFill>
                  <a:schemeClr val="tx2"/>
                </a:solidFill>
              </a:rPr>
              <a:t>Team &amp; SPV creation</a:t>
            </a:r>
          </a:p>
        </p:txBody>
      </p:sp>
      <p:cxnSp>
        <p:nvCxnSpPr>
          <p:cNvPr id="6" name="Straight Arrow Connector 5"/>
          <p:cNvCxnSpPr/>
          <p:nvPr/>
        </p:nvCxnSpPr>
        <p:spPr>
          <a:xfrm>
            <a:off x="1663552" y="2192355"/>
            <a:ext cx="10884665" cy="0"/>
          </a:xfrm>
          <a:prstGeom prst="straightConnector1">
            <a:avLst/>
          </a:prstGeom>
          <a:ln w="19050">
            <a:solidFill>
              <a:srgbClr val="080808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" name="Straight Connector 8"/>
          <p:cNvCxnSpPr/>
          <p:nvPr/>
        </p:nvCxnSpPr>
        <p:spPr>
          <a:xfrm>
            <a:off x="2544902" y="2060151"/>
            <a:ext cx="0" cy="126000"/>
          </a:xfrm>
          <a:prstGeom prst="line">
            <a:avLst/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9" name="Straight Connector 28"/>
          <p:cNvCxnSpPr/>
          <p:nvPr/>
        </p:nvCxnSpPr>
        <p:spPr>
          <a:xfrm>
            <a:off x="3359221" y="2060151"/>
            <a:ext cx="0" cy="126000"/>
          </a:xfrm>
          <a:prstGeom prst="line">
            <a:avLst/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1" name="Straight Connector 30"/>
          <p:cNvCxnSpPr/>
          <p:nvPr/>
        </p:nvCxnSpPr>
        <p:spPr>
          <a:xfrm>
            <a:off x="8245135" y="2060151"/>
            <a:ext cx="0" cy="126000"/>
          </a:xfrm>
          <a:prstGeom prst="line">
            <a:avLst/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2" name="Straight Connector 31"/>
          <p:cNvCxnSpPr/>
          <p:nvPr/>
        </p:nvCxnSpPr>
        <p:spPr>
          <a:xfrm>
            <a:off x="4173540" y="2060151"/>
            <a:ext cx="0" cy="126000"/>
          </a:xfrm>
          <a:prstGeom prst="line">
            <a:avLst/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3" name="Straight Connector 32"/>
          <p:cNvCxnSpPr/>
          <p:nvPr/>
        </p:nvCxnSpPr>
        <p:spPr>
          <a:xfrm>
            <a:off x="4987859" y="2060151"/>
            <a:ext cx="0" cy="126000"/>
          </a:xfrm>
          <a:prstGeom prst="line">
            <a:avLst/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4" name="Straight Connector 33"/>
          <p:cNvCxnSpPr/>
          <p:nvPr/>
        </p:nvCxnSpPr>
        <p:spPr>
          <a:xfrm>
            <a:off x="5802178" y="2060151"/>
            <a:ext cx="0" cy="126000"/>
          </a:xfrm>
          <a:prstGeom prst="line">
            <a:avLst/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5" name="Straight Connector 34"/>
          <p:cNvCxnSpPr/>
          <p:nvPr/>
        </p:nvCxnSpPr>
        <p:spPr>
          <a:xfrm>
            <a:off x="6616497" y="2060151"/>
            <a:ext cx="0" cy="126000"/>
          </a:xfrm>
          <a:prstGeom prst="line">
            <a:avLst/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6" name="Straight Connector 35"/>
          <p:cNvCxnSpPr/>
          <p:nvPr/>
        </p:nvCxnSpPr>
        <p:spPr>
          <a:xfrm>
            <a:off x="7430816" y="2060151"/>
            <a:ext cx="0" cy="126000"/>
          </a:xfrm>
          <a:prstGeom prst="line">
            <a:avLst/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7" name="Straight Connector 36"/>
          <p:cNvCxnSpPr/>
          <p:nvPr/>
        </p:nvCxnSpPr>
        <p:spPr>
          <a:xfrm>
            <a:off x="9059454" y="2060151"/>
            <a:ext cx="0" cy="126000"/>
          </a:xfrm>
          <a:prstGeom prst="line">
            <a:avLst/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0" name="Straight Connector 49"/>
          <p:cNvCxnSpPr/>
          <p:nvPr/>
        </p:nvCxnSpPr>
        <p:spPr>
          <a:xfrm>
            <a:off x="9873770" y="2060151"/>
            <a:ext cx="0" cy="126000"/>
          </a:xfrm>
          <a:prstGeom prst="line">
            <a:avLst/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2" name="TextBox 51"/>
          <p:cNvSpPr txBox="1"/>
          <p:nvPr/>
        </p:nvSpPr>
        <p:spPr>
          <a:xfrm>
            <a:off x="9230129" y="2009855"/>
            <a:ext cx="456794" cy="226591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algn="ctr"/>
            <a:r>
              <a:rPr lang="en-IN" sz="1000" b="1" dirty="0"/>
              <a:t>Y10</a:t>
            </a:r>
          </a:p>
        </p:txBody>
      </p:sp>
      <p:sp>
        <p:nvSpPr>
          <p:cNvPr id="55" name="TextBox 54"/>
          <p:cNvSpPr txBox="1"/>
          <p:nvPr/>
        </p:nvSpPr>
        <p:spPr>
          <a:xfrm>
            <a:off x="1586431" y="2820851"/>
            <a:ext cx="958471" cy="349702"/>
          </a:xfrm>
          <a:prstGeom prst="rect">
            <a:avLst/>
          </a:prstGeom>
          <a:solidFill>
            <a:srgbClr val="007040"/>
          </a:solidFill>
        </p:spPr>
        <p:txBody>
          <a:bodyPr wrap="square" lIns="36000" tIns="36000" rIns="36000" bIns="36000" rtlCol="0">
            <a:spAutoFit/>
          </a:bodyPr>
          <a:lstStyle/>
          <a:p>
            <a:r>
              <a:rPr lang="en-IN" sz="900" dirty="0">
                <a:solidFill>
                  <a:schemeClr val="tx2"/>
                </a:solidFill>
              </a:rPr>
              <a:t>Identification &amp; funding of land</a:t>
            </a:r>
          </a:p>
        </p:txBody>
      </p:sp>
      <p:sp>
        <p:nvSpPr>
          <p:cNvPr id="56" name="TextBox 55"/>
          <p:cNvSpPr txBox="1">
            <a:spLocks noChangeAspect="1"/>
          </p:cNvSpPr>
          <p:nvPr/>
        </p:nvSpPr>
        <p:spPr>
          <a:xfrm>
            <a:off x="187288" y="2411168"/>
            <a:ext cx="1299989" cy="1080000"/>
          </a:xfrm>
          <a:prstGeom prst="rect">
            <a:avLst/>
          </a:prstGeom>
          <a:solidFill>
            <a:srgbClr val="007040"/>
          </a:solidFill>
        </p:spPr>
        <p:txBody>
          <a:bodyPr wrap="square" lIns="36000" tIns="36000" rIns="36000" bIns="36000" rtlCol="0" anchor="ctr">
            <a:spAutoFit/>
          </a:bodyPr>
          <a:lstStyle/>
          <a:p>
            <a:pPr algn="ctr"/>
            <a:r>
              <a:rPr lang="en-IN" sz="1400" b="1" dirty="0">
                <a:solidFill>
                  <a:schemeClr val="tx2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und Formation &amp; Farming Operations</a:t>
            </a:r>
          </a:p>
        </p:txBody>
      </p:sp>
      <p:grpSp>
        <p:nvGrpSpPr>
          <p:cNvPr id="51" name="Group 50"/>
          <p:cNvGrpSpPr/>
          <p:nvPr/>
        </p:nvGrpSpPr>
        <p:grpSpPr>
          <a:xfrm>
            <a:off x="2066174" y="3233799"/>
            <a:ext cx="10446917" cy="272758"/>
            <a:chOff x="1991866" y="3156236"/>
            <a:chExt cx="10446917" cy="272758"/>
          </a:xfrm>
          <a:solidFill>
            <a:srgbClr val="007040"/>
          </a:solidFill>
        </p:grpSpPr>
        <p:sp>
          <p:nvSpPr>
            <p:cNvPr id="57" name="TextBox 56"/>
            <p:cNvSpPr txBox="1"/>
            <p:nvPr/>
          </p:nvSpPr>
          <p:spPr>
            <a:xfrm>
              <a:off x="1991866" y="3156236"/>
              <a:ext cx="10234668" cy="272758"/>
            </a:xfrm>
            <a:prstGeom prst="rect">
              <a:avLst/>
            </a:prstGeom>
            <a:grpFill/>
          </p:spPr>
          <p:txBody>
            <a:bodyPr wrap="square" lIns="36000" tIns="36000" rIns="36000" bIns="36000" rtlCol="0">
              <a:spAutoFit/>
            </a:bodyPr>
            <a:lstStyle/>
            <a:p>
              <a:r>
                <a:rPr lang="en-IN" sz="1300" dirty="0">
                  <a:solidFill>
                    <a:schemeClr val="tx2"/>
                  </a:solidFill>
                </a:rPr>
                <a:t>Farmer recruitment and training; transition to advanced agricultural techniques for production of commercial crops </a:t>
              </a:r>
            </a:p>
          </p:txBody>
        </p:sp>
        <p:sp>
          <p:nvSpPr>
            <p:cNvPr id="39" name="Isosceles Triangle 38"/>
            <p:cNvSpPr/>
            <p:nvPr/>
          </p:nvSpPr>
          <p:spPr>
            <a:xfrm rot="5400000">
              <a:off x="12203973" y="3178796"/>
              <a:ext cx="257369" cy="212250"/>
            </a:xfrm>
            <a:prstGeom prst="triangle">
              <a:avLst/>
            </a:prstGeom>
            <a:grpFill/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endParaRPr lang="en-IN" sz="1300" dirty="0">
                <a:solidFill>
                  <a:schemeClr val="tx2"/>
                </a:solidFill>
              </a:endParaRPr>
            </a:p>
          </p:txBody>
        </p:sp>
      </p:grpSp>
      <p:cxnSp>
        <p:nvCxnSpPr>
          <p:cNvPr id="59" name="Straight Connector 58"/>
          <p:cNvCxnSpPr/>
          <p:nvPr/>
        </p:nvCxnSpPr>
        <p:spPr>
          <a:xfrm flipV="1">
            <a:off x="187288" y="3613533"/>
            <a:ext cx="12360929" cy="11016"/>
          </a:xfrm>
          <a:prstGeom prst="line">
            <a:avLst/>
          </a:prstGeom>
          <a:ln w="12700">
            <a:solidFill>
              <a:schemeClr val="accent6">
                <a:lumMod val="60000"/>
                <a:lumOff val="40000"/>
              </a:schemeClr>
            </a:solidFill>
            <a:prstDash val="lg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0" name="Straight Connector 59"/>
          <p:cNvCxnSpPr/>
          <p:nvPr/>
        </p:nvCxnSpPr>
        <p:spPr>
          <a:xfrm>
            <a:off x="12262595" y="2069330"/>
            <a:ext cx="0" cy="126000"/>
          </a:xfrm>
          <a:prstGeom prst="line">
            <a:avLst/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2" name="TextBox 61"/>
          <p:cNvSpPr txBox="1"/>
          <p:nvPr/>
        </p:nvSpPr>
        <p:spPr>
          <a:xfrm>
            <a:off x="11805801" y="2009854"/>
            <a:ext cx="456794" cy="226591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algn="ctr"/>
            <a:r>
              <a:rPr lang="en-IN" sz="1000" b="1" dirty="0"/>
              <a:t>Y20</a:t>
            </a:r>
          </a:p>
        </p:txBody>
      </p:sp>
      <p:sp>
        <p:nvSpPr>
          <p:cNvPr id="71" name="TextBox 70"/>
          <p:cNvSpPr txBox="1">
            <a:spLocks noChangeAspect="1"/>
          </p:cNvSpPr>
          <p:nvPr/>
        </p:nvSpPr>
        <p:spPr>
          <a:xfrm>
            <a:off x="187288" y="3766931"/>
            <a:ext cx="1299989" cy="1152000"/>
          </a:xfrm>
          <a:prstGeom prst="rect">
            <a:avLst/>
          </a:prstGeom>
          <a:solidFill>
            <a:srgbClr val="009656">
              <a:alpha val="50196"/>
            </a:srgbClr>
          </a:solidFill>
        </p:spPr>
        <p:txBody>
          <a:bodyPr wrap="square" lIns="36000" tIns="36000" rIns="36000" bIns="36000" rtlCol="0" anchor="ctr">
            <a:spAutoFit/>
          </a:bodyPr>
          <a:lstStyle/>
          <a:p>
            <a:pPr algn="ctr"/>
            <a:r>
              <a:rPr lang="en-IN" sz="1400" b="1" dirty="0">
                <a:solidFill>
                  <a:schemeClr val="bg2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Generation of Returns and Exit Opportunities</a:t>
            </a:r>
          </a:p>
        </p:txBody>
      </p:sp>
      <p:sp>
        <p:nvSpPr>
          <p:cNvPr id="72" name="Rectangle 71"/>
          <p:cNvSpPr/>
          <p:nvPr/>
        </p:nvSpPr>
        <p:spPr>
          <a:xfrm>
            <a:off x="6568419" y="1134729"/>
            <a:ext cx="1004185" cy="716097"/>
          </a:xfrm>
          <a:prstGeom prst="rect">
            <a:avLst/>
          </a:prstGeom>
          <a:solidFill>
            <a:schemeClr val="bg1">
              <a:lumMod val="50000"/>
              <a:alpha val="50196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r>
              <a:rPr lang="en-IN" sz="16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ound III Funding</a:t>
            </a:r>
          </a:p>
        </p:txBody>
      </p:sp>
      <p:sp>
        <p:nvSpPr>
          <p:cNvPr id="73" name="Rectangle 72"/>
          <p:cNvSpPr/>
          <p:nvPr/>
        </p:nvSpPr>
        <p:spPr>
          <a:xfrm>
            <a:off x="1837981" y="1135280"/>
            <a:ext cx="1393639" cy="716097"/>
          </a:xfrm>
          <a:prstGeom prst="rect">
            <a:avLst/>
          </a:prstGeom>
          <a:solidFill>
            <a:schemeClr val="bg1">
              <a:lumMod val="50000"/>
              <a:alpha val="50196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r>
              <a:rPr lang="en-IN" sz="16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ilot Project (100 acres)</a:t>
            </a:r>
          </a:p>
        </p:txBody>
      </p:sp>
      <p:sp>
        <p:nvSpPr>
          <p:cNvPr id="74" name="Rectangle 73"/>
          <p:cNvSpPr/>
          <p:nvPr/>
        </p:nvSpPr>
        <p:spPr>
          <a:xfrm>
            <a:off x="4982297" y="1134729"/>
            <a:ext cx="1004400" cy="716097"/>
          </a:xfrm>
          <a:prstGeom prst="rect">
            <a:avLst/>
          </a:prstGeom>
          <a:solidFill>
            <a:schemeClr val="bg1">
              <a:lumMod val="50000"/>
              <a:alpha val="50196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r>
              <a:rPr lang="en-IN" sz="16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ound II Funding</a:t>
            </a:r>
          </a:p>
        </p:txBody>
      </p:sp>
      <p:sp>
        <p:nvSpPr>
          <p:cNvPr id="75" name="Rectangle 74"/>
          <p:cNvSpPr/>
          <p:nvPr/>
        </p:nvSpPr>
        <p:spPr>
          <a:xfrm>
            <a:off x="3359220" y="1134729"/>
            <a:ext cx="1004400" cy="716097"/>
          </a:xfrm>
          <a:prstGeom prst="rect">
            <a:avLst/>
          </a:prstGeom>
          <a:solidFill>
            <a:schemeClr val="bg1">
              <a:lumMod val="50000"/>
              <a:alpha val="50196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r>
              <a:rPr lang="en-IN" sz="16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ound I Funding</a:t>
            </a:r>
          </a:p>
        </p:txBody>
      </p:sp>
      <p:sp>
        <p:nvSpPr>
          <p:cNvPr id="76" name="Rectangle 75"/>
          <p:cNvSpPr/>
          <p:nvPr/>
        </p:nvSpPr>
        <p:spPr>
          <a:xfrm>
            <a:off x="8245135" y="1133289"/>
            <a:ext cx="1004185" cy="716097"/>
          </a:xfrm>
          <a:prstGeom prst="rect">
            <a:avLst/>
          </a:prstGeom>
          <a:solidFill>
            <a:schemeClr val="bg1">
              <a:lumMod val="50000"/>
              <a:alpha val="50196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r>
              <a:rPr lang="en-IN" sz="16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ound IV Funding</a:t>
            </a:r>
          </a:p>
        </p:txBody>
      </p:sp>
      <p:grpSp>
        <p:nvGrpSpPr>
          <p:cNvPr id="78" name="Group 77"/>
          <p:cNvGrpSpPr/>
          <p:nvPr/>
        </p:nvGrpSpPr>
        <p:grpSpPr>
          <a:xfrm>
            <a:off x="3988236" y="4087531"/>
            <a:ext cx="8578101" cy="272758"/>
            <a:chOff x="2915837" y="3156236"/>
            <a:chExt cx="9522945" cy="225315"/>
          </a:xfrm>
          <a:solidFill>
            <a:srgbClr val="009656">
              <a:alpha val="50196"/>
            </a:srgbClr>
          </a:solidFill>
        </p:grpSpPr>
        <p:sp>
          <p:nvSpPr>
            <p:cNvPr id="79" name="TextBox 78"/>
            <p:cNvSpPr txBox="1"/>
            <p:nvPr/>
          </p:nvSpPr>
          <p:spPr>
            <a:xfrm>
              <a:off x="2915837" y="3156236"/>
              <a:ext cx="9310697" cy="225315"/>
            </a:xfrm>
            <a:prstGeom prst="rect">
              <a:avLst/>
            </a:prstGeom>
            <a:grpFill/>
          </p:spPr>
          <p:txBody>
            <a:bodyPr wrap="square" lIns="36000" tIns="36000" rIns="36000" bIns="36000" rtlCol="0">
              <a:spAutoFit/>
            </a:bodyPr>
            <a:lstStyle/>
            <a:p>
              <a:r>
                <a:rPr lang="en-IN" sz="1300" dirty="0" err="1">
                  <a:solidFill>
                    <a:schemeClr val="bg2"/>
                  </a:solidFill>
                </a:rPr>
                <a:t>Upto</a:t>
              </a:r>
              <a:r>
                <a:rPr lang="en-IN" sz="1300" dirty="0">
                  <a:solidFill>
                    <a:schemeClr val="bg2"/>
                  </a:solidFill>
                </a:rPr>
                <a:t> 9% dividend received by pilot round investors over the investment period</a:t>
              </a:r>
            </a:p>
          </p:txBody>
        </p:sp>
        <p:sp>
          <p:nvSpPr>
            <p:cNvPr id="80" name="Isosceles Triangle 79"/>
            <p:cNvSpPr/>
            <p:nvPr/>
          </p:nvSpPr>
          <p:spPr>
            <a:xfrm rot="5400000">
              <a:off x="12226356" y="3156414"/>
              <a:ext cx="212603" cy="212249"/>
            </a:xfrm>
            <a:prstGeom prst="triangle">
              <a:avLst/>
            </a:prstGeom>
            <a:grpFill/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endParaRPr lang="en-IN" sz="1300" dirty="0">
                <a:solidFill>
                  <a:schemeClr val="bg2"/>
                </a:solidFill>
              </a:endParaRPr>
            </a:p>
          </p:txBody>
        </p:sp>
      </p:grpSp>
      <p:grpSp>
        <p:nvGrpSpPr>
          <p:cNvPr id="81" name="Group 80"/>
          <p:cNvGrpSpPr/>
          <p:nvPr/>
        </p:nvGrpSpPr>
        <p:grpSpPr>
          <a:xfrm>
            <a:off x="3156339" y="3769326"/>
            <a:ext cx="9391878" cy="272759"/>
            <a:chOff x="2012426" y="3156236"/>
            <a:chExt cx="10426356" cy="225315"/>
          </a:xfrm>
          <a:solidFill>
            <a:srgbClr val="009656">
              <a:alpha val="50196"/>
            </a:srgbClr>
          </a:solidFill>
        </p:grpSpPr>
        <p:sp>
          <p:nvSpPr>
            <p:cNvPr id="82" name="TextBox 81"/>
            <p:cNvSpPr txBox="1"/>
            <p:nvPr/>
          </p:nvSpPr>
          <p:spPr>
            <a:xfrm>
              <a:off x="2012426" y="3156236"/>
              <a:ext cx="10214108" cy="225315"/>
            </a:xfrm>
            <a:prstGeom prst="rect">
              <a:avLst/>
            </a:prstGeom>
            <a:grpFill/>
          </p:spPr>
          <p:txBody>
            <a:bodyPr wrap="square" lIns="36000" tIns="36000" rIns="36000" bIns="36000" rtlCol="0">
              <a:spAutoFit/>
            </a:bodyPr>
            <a:lstStyle/>
            <a:p>
              <a:r>
                <a:rPr lang="en-IN" sz="1300" dirty="0">
                  <a:solidFill>
                    <a:schemeClr val="bg2"/>
                  </a:solidFill>
                </a:rPr>
                <a:t>Investment in index-linked bonds to purchase land for farmers and purchase of additional land with surplus</a:t>
              </a:r>
            </a:p>
          </p:txBody>
        </p:sp>
        <p:sp>
          <p:nvSpPr>
            <p:cNvPr id="83" name="Isosceles Triangle 82"/>
            <p:cNvSpPr/>
            <p:nvPr/>
          </p:nvSpPr>
          <p:spPr>
            <a:xfrm rot="5400000">
              <a:off x="12226356" y="3156414"/>
              <a:ext cx="212603" cy="212249"/>
            </a:xfrm>
            <a:prstGeom prst="triangle">
              <a:avLst/>
            </a:prstGeom>
            <a:grpFill/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endParaRPr lang="en-IN" sz="1300" dirty="0">
                <a:solidFill>
                  <a:schemeClr val="bg2"/>
                </a:solidFill>
              </a:endParaRPr>
            </a:p>
          </p:txBody>
        </p:sp>
      </p:grpSp>
      <p:grpSp>
        <p:nvGrpSpPr>
          <p:cNvPr id="84" name="Group 83"/>
          <p:cNvGrpSpPr/>
          <p:nvPr/>
        </p:nvGrpSpPr>
        <p:grpSpPr>
          <a:xfrm>
            <a:off x="4803435" y="4405764"/>
            <a:ext cx="7745802" cy="272758"/>
            <a:chOff x="3839811" y="3156234"/>
            <a:chExt cx="8598971" cy="225314"/>
          </a:xfrm>
          <a:solidFill>
            <a:srgbClr val="009656">
              <a:alpha val="50196"/>
            </a:srgbClr>
          </a:solidFill>
        </p:grpSpPr>
        <p:sp>
          <p:nvSpPr>
            <p:cNvPr id="85" name="TextBox 84"/>
            <p:cNvSpPr txBox="1"/>
            <p:nvPr/>
          </p:nvSpPr>
          <p:spPr>
            <a:xfrm>
              <a:off x="3839811" y="3156234"/>
              <a:ext cx="8386724" cy="225314"/>
            </a:xfrm>
            <a:prstGeom prst="rect">
              <a:avLst/>
            </a:prstGeom>
            <a:grpFill/>
          </p:spPr>
          <p:txBody>
            <a:bodyPr wrap="square" lIns="36000" tIns="36000" rIns="36000" bIns="36000" rtlCol="0">
              <a:spAutoFit/>
            </a:bodyPr>
            <a:lstStyle/>
            <a:p>
              <a:r>
                <a:rPr lang="en-IN" sz="1300" dirty="0">
                  <a:solidFill>
                    <a:schemeClr val="bg2"/>
                  </a:solidFill>
                </a:rPr>
                <a:t>Option for farmers to exit with the respective land accrued </a:t>
              </a:r>
            </a:p>
          </p:txBody>
        </p:sp>
        <p:sp>
          <p:nvSpPr>
            <p:cNvPr id="86" name="Isosceles Triangle 85"/>
            <p:cNvSpPr/>
            <p:nvPr/>
          </p:nvSpPr>
          <p:spPr>
            <a:xfrm rot="5400000">
              <a:off x="12226356" y="3156414"/>
              <a:ext cx="212603" cy="212249"/>
            </a:xfrm>
            <a:prstGeom prst="triangle">
              <a:avLst/>
            </a:prstGeom>
            <a:grpFill/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endParaRPr lang="en-IN" sz="1300" dirty="0">
                <a:solidFill>
                  <a:schemeClr val="bg2"/>
                </a:solidFill>
              </a:endParaRPr>
            </a:p>
          </p:txBody>
        </p:sp>
      </p:grpSp>
      <p:grpSp>
        <p:nvGrpSpPr>
          <p:cNvPr id="87" name="Group 86"/>
          <p:cNvGrpSpPr/>
          <p:nvPr/>
        </p:nvGrpSpPr>
        <p:grpSpPr>
          <a:xfrm>
            <a:off x="9873771" y="4723991"/>
            <a:ext cx="2674447" cy="257371"/>
            <a:chOff x="9404203" y="3156237"/>
            <a:chExt cx="3034579" cy="212603"/>
          </a:xfrm>
          <a:solidFill>
            <a:srgbClr val="009656">
              <a:alpha val="50196"/>
            </a:srgbClr>
          </a:solidFill>
        </p:grpSpPr>
        <p:sp>
          <p:nvSpPr>
            <p:cNvPr id="88" name="TextBox 87"/>
            <p:cNvSpPr txBox="1"/>
            <p:nvPr/>
          </p:nvSpPr>
          <p:spPr>
            <a:xfrm>
              <a:off x="9404203" y="3156238"/>
              <a:ext cx="2822331" cy="199889"/>
            </a:xfrm>
            <a:prstGeom prst="rect">
              <a:avLst/>
            </a:prstGeom>
            <a:grpFill/>
          </p:spPr>
          <p:txBody>
            <a:bodyPr wrap="square" lIns="36000" tIns="36000" rIns="36000" bIns="36000" rtlCol="0">
              <a:spAutoFit/>
            </a:bodyPr>
            <a:lstStyle/>
            <a:p>
              <a:r>
                <a:rPr lang="en-IN" sz="1100" dirty="0">
                  <a:solidFill>
                    <a:schemeClr val="bg2"/>
                  </a:solidFill>
                </a:rPr>
                <a:t>Investor exit option every 5 years</a:t>
              </a:r>
            </a:p>
          </p:txBody>
        </p:sp>
        <p:sp>
          <p:nvSpPr>
            <p:cNvPr id="89" name="Isosceles Triangle 88"/>
            <p:cNvSpPr/>
            <p:nvPr/>
          </p:nvSpPr>
          <p:spPr>
            <a:xfrm rot="5400000">
              <a:off x="12226356" y="3156414"/>
              <a:ext cx="212603" cy="212249"/>
            </a:xfrm>
            <a:prstGeom prst="triangle">
              <a:avLst/>
            </a:prstGeom>
            <a:grpFill/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endParaRPr lang="en-IN" sz="2000" dirty="0">
                <a:solidFill>
                  <a:schemeClr val="bg2"/>
                </a:solidFill>
              </a:endParaRPr>
            </a:p>
          </p:txBody>
        </p:sp>
      </p:grpSp>
      <p:cxnSp>
        <p:nvCxnSpPr>
          <p:cNvPr id="90" name="Straight Connector 89"/>
          <p:cNvCxnSpPr/>
          <p:nvPr/>
        </p:nvCxnSpPr>
        <p:spPr>
          <a:xfrm flipV="1">
            <a:off x="187288" y="5088286"/>
            <a:ext cx="12325803" cy="12524"/>
          </a:xfrm>
          <a:prstGeom prst="line">
            <a:avLst/>
          </a:prstGeom>
          <a:ln w="12700">
            <a:solidFill>
              <a:schemeClr val="accent6">
                <a:lumMod val="60000"/>
                <a:lumOff val="40000"/>
              </a:schemeClr>
            </a:solidFill>
            <a:prstDash val="lg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3" name="TextBox 92"/>
          <p:cNvSpPr txBox="1"/>
          <p:nvPr/>
        </p:nvSpPr>
        <p:spPr>
          <a:xfrm>
            <a:off x="187288" y="5319269"/>
            <a:ext cx="1299989" cy="1098000"/>
          </a:xfrm>
          <a:prstGeom prst="rect">
            <a:avLst/>
          </a:prstGeom>
          <a:solidFill>
            <a:schemeClr val="bg1">
              <a:lumMod val="50000"/>
              <a:alpha val="50196"/>
            </a:schemeClr>
          </a:solidFill>
        </p:spPr>
        <p:txBody>
          <a:bodyPr wrap="square" lIns="36000" tIns="36000" rIns="36000" bIns="36000" rtlCol="0" anchor="ctr">
            <a:spAutoFit/>
          </a:bodyPr>
          <a:lstStyle/>
          <a:p>
            <a:pPr algn="ctr"/>
            <a:r>
              <a:rPr lang="en-IN" sz="1400" b="1" dirty="0">
                <a:solidFill>
                  <a:schemeClr val="bg2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Parties Engaged</a:t>
            </a:r>
          </a:p>
        </p:txBody>
      </p:sp>
      <p:sp>
        <p:nvSpPr>
          <p:cNvPr id="95" name="TextBox 94"/>
          <p:cNvSpPr txBox="1"/>
          <p:nvPr/>
        </p:nvSpPr>
        <p:spPr>
          <a:xfrm>
            <a:off x="1586429" y="5281263"/>
            <a:ext cx="1772791" cy="1180699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IN" sz="1200" b="1" dirty="0"/>
              <a:t>Partners: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IN" sz="1200" dirty="0"/>
              <a:t>Supplier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IN" sz="1200" dirty="0"/>
              <a:t>Distributor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IN" sz="1200" dirty="0" err="1"/>
              <a:t>Agri</a:t>
            </a:r>
            <a:r>
              <a:rPr lang="en-IN" sz="1200" dirty="0"/>
              <a:t>-tech companie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IN" sz="1200" dirty="0"/>
              <a:t>Institutional buyers</a:t>
            </a:r>
          </a:p>
        </p:txBody>
      </p:sp>
      <p:sp>
        <p:nvSpPr>
          <p:cNvPr id="96" name="TextBox 95"/>
          <p:cNvSpPr txBox="1"/>
          <p:nvPr/>
        </p:nvSpPr>
        <p:spPr>
          <a:xfrm>
            <a:off x="3558452" y="5281263"/>
            <a:ext cx="2028117" cy="1180699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IN" sz="1200" b="1" dirty="0"/>
              <a:t>Investors: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IN" sz="1200" dirty="0"/>
              <a:t>Family Office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IN" sz="1200" dirty="0"/>
              <a:t>Institutional investor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IN" sz="1200" dirty="0"/>
              <a:t>University endowments</a:t>
            </a:r>
          </a:p>
          <a:p>
            <a:pPr marL="171450" indent="-171450">
              <a:buFont typeface="Arial" panose="020B0604020202020204" pitchFamily="34" charset="0"/>
              <a:buChar char="•"/>
            </a:pPr>
            <a:r>
              <a:rPr lang="en-IN" sz="1200" dirty="0"/>
              <a:t>VCs, HNIs</a:t>
            </a:r>
          </a:p>
        </p:txBody>
      </p:sp>
      <p:sp>
        <p:nvSpPr>
          <p:cNvPr id="97" name="Rectangle 96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58" name="Rectangle 57">
            <a:extLst>
              <a:ext uri="{FF2B5EF4-FFF2-40B4-BE49-F238E27FC236}">
                <a16:creationId xmlns:a16="http://schemas.microsoft.com/office/drawing/2014/main" id="{3309081C-53CC-4685-8C75-FE77A9C03FB9}"/>
              </a:ext>
            </a:extLst>
          </p:cNvPr>
          <p:cNvSpPr/>
          <p:nvPr/>
        </p:nvSpPr>
        <p:spPr>
          <a:xfrm>
            <a:off x="9871932" y="1133289"/>
            <a:ext cx="1004185" cy="716097"/>
          </a:xfrm>
          <a:prstGeom prst="rect">
            <a:avLst/>
          </a:prstGeom>
          <a:solidFill>
            <a:schemeClr val="bg1">
              <a:lumMod val="50000"/>
              <a:alpha val="50196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r>
              <a:rPr lang="en-IN" sz="1600" b="1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ound V Funding</a:t>
            </a:r>
          </a:p>
        </p:txBody>
      </p:sp>
    </p:spTree>
    <p:extLst>
      <p:ext uri="{BB962C8B-B14F-4D97-AF65-F5344CB8AC3E}">
        <p14:creationId xmlns:p14="http://schemas.microsoft.com/office/powerpoint/2010/main" val="2827914829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BainBulletsConfiguration" hidden="1"/>
          <p:cNvSpPr txBox="1"/>
          <p:nvPr/>
        </p:nvSpPr>
        <p:spPr>
          <a:xfrm>
            <a:off x="1711539" y="331826"/>
            <a:ext cx="8101687" cy="81189"/>
          </a:xfrm>
          <a:prstGeom prst="rect">
            <a:avLst/>
          </a:prstGeom>
          <a:noFill/>
        </p:spPr>
        <p:txBody>
          <a:bodyPr vert="horz" wrap="square" lIns="32808" tIns="32808" rIns="32808" bIns="32808" rtlCol="0">
            <a:spAutoFit/>
          </a:bodyPr>
          <a:lstStyle/>
          <a:p>
            <a:r>
              <a:rPr lang="en-US" sz="100">
                <a:solidFill>
                  <a:srgbClr val="FFFFFF"/>
                </a:solidFill>
              </a:rPr>
              <a:t>8_84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8" name="Agenda"/>
          <p:cNvSpPr txBox="1"/>
          <p:nvPr>
            <p:custDataLst>
              <p:tags r:id="rId2"/>
            </p:custDataLst>
          </p:nvPr>
        </p:nvSpPr>
        <p:spPr>
          <a:xfrm>
            <a:off x="623888" y="1835289"/>
            <a:ext cx="11593512" cy="5031719"/>
          </a:xfrm>
          <a:prstGeom prst="rect">
            <a:avLst/>
          </a:prstGeom>
          <a:noFill/>
        </p:spPr>
        <p:txBody>
          <a:bodyPr vert="horz" wrap="square" lIns="32808" tIns="32808" rIns="32808" bIns="32808" rtlCol="0">
            <a:spAutoFit/>
          </a:bodyPr>
          <a:lstStyle/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PROBLEM STATEMENT</a:t>
            </a:r>
            <a:br>
              <a:rPr lang="en-US" sz="2400" b="1" dirty="0"/>
            </a:br>
            <a:r>
              <a:rPr lang="en-US" dirty="0"/>
              <a:t>Current problem plaguing the sector and scope of opportunities</a:t>
            </a:r>
          </a:p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SOLUTION AND INVESTMENT THESIS</a:t>
            </a:r>
            <a:br>
              <a:rPr lang="en-US" sz="2400" dirty="0"/>
            </a:br>
            <a:r>
              <a:rPr lang="en-US" sz="2000" dirty="0"/>
              <a:t>How we plan to solve the problem and create financial value at the same time</a:t>
            </a:r>
            <a:endParaRPr lang="en-US" sz="2000" b="1" dirty="0"/>
          </a:p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IMPLEMENTATION ASPECTS</a:t>
            </a:r>
            <a:br>
              <a:rPr lang="en-US" sz="2400" dirty="0"/>
            </a:br>
            <a:r>
              <a:rPr lang="en-US" sz="2000" dirty="0"/>
              <a:t>Finer executional details contributing to the success of the project</a:t>
            </a:r>
          </a:p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IMPACT</a:t>
            </a:r>
            <a:br>
              <a:rPr lang="en-US" sz="2400" dirty="0"/>
            </a:br>
            <a:r>
              <a:rPr lang="en-US" sz="2000" dirty="0"/>
              <a:t>Benefits accrued to the society, farmers and the investors</a:t>
            </a:r>
          </a:p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APPENDIX</a:t>
            </a:r>
            <a:br>
              <a:rPr lang="en-US" sz="2400" dirty="0"/>
            </a:br>
            <a:r>
              <a:rPr lang="en-US" sz="2000" dirty="0"/>
              <a:t>Deep dive into specific aspects for further discussions</a:t>
            </a:r>
          </a:p>
        </p:txBody>
      </p:sp>
      <p:sp>
        <p:nvSpPr>
          <p:cNvPr id="9" name="Rectangle 8"/>
          <p:cNvSpPr/>
          <p:nvPr/>
        </p:nvSpPr>
        <p:spPr>
          <a:xfrm>
            <a:off x="88" y="818079"/>
            <a:ext cx="12900483" cy="735299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US" sz="2000" dirty="0">
              <a:solidFill>
                <a:srgbClr val="FFFFFF"/>
              </a:solidFill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653573" y="903155"/>
            <a:ext cx="6826189" cy="565146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3200" b="1" dirty="0">
                <a:solidFill>
                  <a:schemeClr val="bg2"/>
                </a:solidFill>
              </a:rPr>
              <a:t>Agenda</a:t>
            </a:r>
          </a:p>
        </p:txBody>
      </p:sp>
      <p:sp>
        <p:nvSpPr>
          <p:cNvPr id="6" name="Rectangle 5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cxnSp>
        <p:nvCxnSpPr>
          <p:cNvPr id="12" name="Straight Connector 11">
            <a:extLst>
              <a:ext uri="{FF2B5EF4-FFF2-40B4-BE49-F238E27FC236}">
                <a16:creationId xmlns:a16="http://schemas.microsoft.com/office/drawing/2014/main" id="{2C0CB7F0-DB6F-9C48-A07B-ABF1B0140FAE}"/>
              </a:ext>
            </a:extLst>
          </p:cNvPr>
          <p:cNvCxnSpPr/>
          <p:nvPr/>
        </p:nvCxnSpPr>
        <p:spPr>
          <a:xfrm>
            <a:off x="490330" y="5063176"/>
            <a:ext cx="0" cy="665757"/>
          </a:xfrm>
          <a:prstGeom prst="line">
            <a:avLst/>
          </a:prstGeom>
          <a:ln w="76200">
            <a:solidFill>
              <a:srgbClr val="00905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1"/>
    </p:custDataLst>
    <p:extLst>
      <p:ext uri="{BB962C8B-B14F-4D97-AF65-F5344CB8AC3E}">
        <p14:creationId xmlns:p14="http://schemas.microsoft.com/office/powerpoint/2010/main" val="35979657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 advTm="6157"/>
    </mc:Choice>
    <mc:Fallback xmlns="">
      <p:transition spd="slow" advTm="6157"/>
    </mc:Fallback>
  </mc:AlternateContent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" name="BainBulletsConfiguration" hidden="1"/>
          <p:cNvSpPr txBox="1"/>
          <p:nvPr/>
        </p:nvSpPr>
        <p:spPr>
          <a:xfrm>
            <a:off x="1712288" y="12323"/>
            <a:ext cx="8626466" cy="107722"/>
          </a:xfrm>
          <a:prstGeom prst="rect">
            <a:avLst/>
          </a:prstGeom>
          <a:noFill/>
        </p:spPr>
        <p:txBody>
          <a:bodyPr vert="horz" wrap="square" lIns="44365" rIns="44365" rtlCol="0">
            <a:spAutoFit/>
          </a:bodyPr>
          <a:lstStyle/>
          <a:p>
            <a:r>
              <a:rPr lang="en-US" sz="100" dirty="0">
                <a:solidFill>
                  <a:srgbClr val="FFFFFF"/>
                </a:solidFill>
              </a:rPr>
              <a:t>27_84 28_84 31_84</a:t>
            </a:r>
          </a:p>
        </p:txBody>
      </p:sp>
      <p:sp>
        <p:nvSpPr>
          <p:cNvPr id="5" name="TextBox 4"/>
          <p:cNvSpPr txBox="1"/>
          <p:nvPr/>
        </p:nvSpPr>
        <p:spPr>
          <a:xfrm>
            <a:off x="1448794" y="4507062"/>
            <a:ext cx="2808000" cy="1065113"/>
          </a:xfrm>
          <a:prstGeom prst="rect">
            <a:avLst/>
          </a:prstGeom>
          <a:noFill/>
        </p:spPr>
        <p:txBody>
          <a:bodyPr wrap="square" lIns="44365" rIns="44365" rtlCol="0">
            <a:prstTxWarp prst="textPlain">
              <a:avLst/>
            </a:prstTxWarp>
            <a:spAutoFit/>
          </a:bodyPr>
          <a:lstStyle/>
          <a:p>
            <a:pPr algn="ctr"/>
            <a:r>
              <a:rPr lang="en-US" sz="4658" b="1" dirty="0">
                <a:solidFill>
                  <a:srgbClr val="009051"/>
                </a:solidFill>
              </a:rPr>
              <a:t>30%</a:t>
            </a:r>
          </a:p>
        </p:txBody>
      </p:sp>
      <p:sp>
        <p:nvSpPr>
          <p:cNvPr id="12" name="TextBox 11"/>
          <p:cNvSpPr txBox="1"/>
          <p:nvPr/>
        </p:nvSpPr>
        <p:spPr>
          <a:xfrm>
            <a:off x="453689" y="5647592"/>
            <a:ext cx="4798210" cy="630044"/>
          </a:xfrm>
          <a:prstGeom prst="rect">
            <a:avLst/>
          </a:prstGeom>
          <a:noFill/>
        </p:spPr>
        <p:txBody>
          <a:bodyPr wrap="square" lIns="44365" rIns="44365" rtlCol="0">
            <a:spAutoFit/>
          </a:bodyPr>
          <a:lstStyle/>
          <a:p>
            <a:pPr algn="ctr"/>
            <a:r>
              <a:rPr lang="en-US" sz="1747" dirty="0"/>
              <a:t>Increase in land area under management in 10 years</a:t>
            </a:r>
          </a:p>
        </p:txBody>
      </p:sp>
      <p:sp>
        <p:nvSpPr>
          <p:cNvPr id="13" name="TextBox 12"/>
          <p:cNvSpPr txBox="1"/>
          <p:nvPr/>
        </p:nvSpPr>
        <p:spPr>
          <a:xfrm>
            <a:off x="826265" y="2044081"/>
            <a:ext cx="3922005" cy="1065113"/>
          </a:xfrm>
          <a:prstGeom prst="rect">
            <a:avLst/>
          </a:prstGeom>
          <a:noFill/>
        </p:spPr>
        <p:txBody>
          <a:bodyPr wrap="square" lIns="44365" rIns="44365" rtlCol="0">
            <a:prstTxWarp prst="textPlain">
              <a:avLst/>
            </a:prstTxWarp>
            <a:spAutoFit/>
          </a:bodyPr>
          <a:lstStyle/>
          <a:p>
            <a:pPr algn="ctr"/>
            <a:r>
              <a:rPr lang="en-US" sz="4658" b="1" dirty="0">
                <a:solidFill>
                  <a:srgbClr val="009051"/>
                </a:solidFill>
              </a:rPr>
              <a:t>~18%</a:t>
            </a:r>
          </a:p>
        </p:txBody>
      </p:sp>
      <p:sp>
        <p:nvSpPr>
          <p:cNvPr id="14" name="TextBox 13"/>
          <p:cNvSpPr txBox="1"/>
          <p:nvPr/>
        </p:nvSpPr>
        <p:spPr>
          <a:xfrm>
            <a:off x="453689" y="3133515"/>
            <a:ext cx="4747073" cy="630044"/>
          </a:xfrm>
          <a:prstGeom prst="rect">
            <a:avLst/>
          </a:prstGeom>
          <a:noFill/>
        </p:spPr>
        <p:txBody>
          <a:bodyPr wrap="square" lIns="44365" rIns="44365" rtlCol="0">
            <a:spAutoFit/>
          </a:bodyPr>
          <a:lstStyle/>
          <a:p>
            <a:pPr algn="ctr"/>
            <a:r>
              <a:rPr lang="en-US" sz="1747" dirty="0"/>
              <a:t>Annualized investor return at a 20-year exit (base case)</a:t>
            </a:r>
          </a:p>
        </p:txBody>
      </p:sp>
      <p:sp>
        <p:nvSpPr>
          <p:cNvPr id="30" name="Right Arrow 29"/>
          <p:cNvSpPr/>
          <p:nvPr/>
        </p:nvSpPr>
        <p:spPr>
          <a:xfrm>
            <a:off x="5526819" y="5651740"/>
            <a:ext cx="1017110" cy="1166408"/>
          </a:xfrm>
          <a:prstGeom prst="rightArrow">
            <a:avLst>
              <a:gd name="adj1" fmla="val 75688"/>
              <a:gd name="adj2" fmla="val 50000"/>
            </a:avLst>
          </a:prstGeom>
          <a:solidFill>
            <a:srgbClr val="FFFFFF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4365" tIns="44365" rIns="44365" bIns="44365" rtlCol="0" anchor="ctr"/>
          <a:lstStyle/>
          <a:p>
            <a:pPr algn="ctr"/>
            <a:endParaRPr lang="en-US" sz="1941" dirty="0">
              <a:solidFill>
                <a:srgbClr val="000000"/>
              </a:solidFill>
            </a:endParaRPr>
          </a:p>
        </p:txBody>
      </p:sp>
      <p:sp>
        <p:nvSpPr>
          <p:cNvPr id="19" name="Title 1">
            <a:extLst>
              <a:ext uri="{FF2B5EF4-FFF2-40B4-BE49-F238E27FC236}">
                <a16:creationId xmlns:a16="http://schemas.microsoft.com/office/drawing/2014/main" id="{5E555FDA-F4B6-2245-A92A-E847FDFB68C9}"/>
              </a:ext>
            </a:extLst>
          </p:cNvPr>
          <p:cNvSpPr txBox="1">
            <a:spLocks/>
          </p:cNvSpPr>
          <p:nvPr/>
        </p:nvSpPr>
        <p:spPr bwMode="gray">
          <a:xfrm>
            <a:off x="236498" y="294693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Locus offers competitive returns as well as tangible impact to investors</a:t>
            </a:r>
            <a:endParaRPr lang="en-US" sz="2400" b="1" dirty="0">
              <a:solidFill>
                <a:srgbClr val="009051"/>
              </a:solidFill>
            </a:endParaRPr>
          </a:p>
        </p:txBody>
      </p:sp>
      <p:sp>
        <p:nvSpPr>
          <p:cNvPr id="20" name="Rectangle 19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grpSp>
        <p:nvGrpSpPr>
          <p:cNvPr id="4" name="Group 3"/>
          <p:cNvGrpSpPr/>
          <p:nvPr/>
        </p:nvGrpSpPr>
        <p:grpSpPr>
          <a:xfrm>
            <a:off x="5526819" y="1373314"/>
            <a:ext cx="6988411" cy="474472"/>
            <a:chOff x="5526819" y="1373314"/>
            <a:chExt cx="6988411" cy="474472"/>
          </a:xfrm>
        </p:grpSpPr>
        <p:cxnSp>
          <p:nvCxnSpPr>
            <p:cNvPr id="7" name="Straight Connector 6"/>
            <p:cNvCxnSpPr/>
            <p:nvPr/>
          </p:nvCxnSpPr>
          <p:spPr>
            <a:xfrm flipV="1">
              <a:off x="5526819" y="1842187"/>
              <a:ext cx="6988411" cy="5599"/>
            </a:xfrm>
            <a:prstGeom prst="line">
              <a:avLst/>
            </a:prstGeom>
            <a:ln w="19050">
              <a:solidFill>
                <a:srgbClr val="080808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8" name="TextBox 7"/>
            <p:cNvSpPr txBox="1"/>
            <p:nvPr/>
          </p:nvSpPr>
          <p:spPr>
            <a:xfrm>
              <a:off x="5526819" y="1373314"/>
              <a:ext cx="6988411" cy="380480"/>
            </a:xfrm>
            <a:prstGeom prst="rect">
              <a:avLst/>
            </a:prstGeom>
            <a:noFill/>
          </p:spPr>
          <p:txBody>
            <a:bodyPr wrap="square" lIns="36000" tIns="36000" rIns="36000" bIns="36000" rtlCol="0">
              <a:spAutoFit/>
            </a:bodyPr>
            <a:lstStyle/>
            <a:p>
              <a:r>
                <a:rPr lang="en-IN" sz="2000" b="1" dirty="0"/>
                <a:t>Investor Value Proposition</a:t>
              </a:r>
            </a:p>
          </p:txBody>
        </p:sp>
      </p:grpSp>
      <p:grpSp>
        <p:nvGrpSpPr>
          <p:cNvPr id="32" name="Group 31"/>
          <p:cNvGrpSpPr/>
          <p:nvPr/>
        </p:nvGrpSpPr>
        <p:grpSpPr>
          <a:xfrm>
            <a:off x="5526818" y="2007605"/>
            <a:ext cx="7109529" cy="633214"/>
            <a:chOff x="5526819" y="3685398"/>
            <a:chExt cx="7314469" cy="633214"/>
          </a:xfrm>
        </p:grpSpPr>
        <p:sp>
          <p:nvSpPr>
            <p:cNvPr id="34" name="Rectangle 33"/>
            <p:cNvSpPr/>
            <p:nvPr/>
          </p:nvSpPr>
          <p:spPr>
            <a:xfrm>
              <a:off x="5526819" y="3685398"/>
              <a:ext cx="7314469" cy="633214"/>
            </a:xfrm>
            <a:prstGeom prst="rect">
              <a:avLst/>
            </a:prstGeom>
            <a:solidFill>
              <a:srgbClr val="009051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44365" tIns="44365" rIns="44365" bIns="44365" rtlCol="0" anchor="ctr"/>
            <a:lstStyle/>
            <a:p>
              <a:pPr algn="ctr"/>
              <a:endParaRPr lang="en-US" sz="1941" dirty="0">
                <a:solidFill>
                  <a:srgbClr val="FFFFFF"/>
                </a:solidFill>
              </a:endParaRPr>
            </a:p>
          </p:txBody>
        </p:sp>
        <p:sp>
          <p:nvSpPr>
            <p:cNvPr id="35" name="Right Arrow 34"/>
            <p:cNvSpPr/>
            <p:nvPr/>
          </p:nvSpPr>
          <p:spPr>
            <a:xfrm>
              <a:off x="5526819" y="3825819"/>
              <a:ext cx="499408" cy="352372"/>
            </a:xfrm>
            <a:prstGeom prst="rightArrow">
              <a:avLst>
                <a:gd name="adj1" fmla="val 75688"/>
                <a:gd name="adj2" fmla="val 50000"/>
              </a:avLst>
            </a:prstGeom>
            <a:solidFill>
              <a:srgbClr val="FFFFFF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44365" tIns="44365" rIns="44365" bIns="44365" rtlCol="0" anchor="ctr"/>
            <a:lstStyle/>
            <a:p>
              <a:pPr algn="ctr"/>
              <a:endParaRPr lang="en-US" sz="1941" dirty="0">
                <a:solidFill>
                  <a:srgbClr val="000000"/>
                </a:solidFill>
              </a:endParaRPr>
            </a:p>
          </p:txBody>
        </p:sp>
        <p:sp>
          <p:nvSpPr>
            <p:cNvPr id="36" name="TextBox 35"/>
            <p:cNvSpPr txBox="1"/>
            <p:nvPr>
              <p:custDataLst>
                <p:tags r:id="rId7"/>
              </p:custDataLst>
            </p:nvPr>
          </p:nvSpPr>
          <p:spPr>
            <a:xfrm>
              <a:off x="6026226" y="3828312"/>
              <a:ext cx="6815061" cy="338554"/>
            </a:xfrm>
            <a:prstGeom prst="rect">
              <a:avLst/>
            </a:prstGeom>
            <a:noFill/>
          </p:spPr>
          <p:txBody>
            <a:bodyPr vert="horz" wrap="square" lIns="44365" rIns="44365" rtlCol="0" anchor="ctr">
              <a:spAutoFit/>
            </a:bodyPr>
            <a:lstStyle/>
            <a:p>
              <a:pPr>
                <a:spcBef>
                  <a:spcPts val="932"/>
                </a:spcBef>
                <a:buSzPct val="100000"/>
              </a:pPr>
              <a:r>
                <a:rPr lang="en-US" sz="1600" b="1" dirty="0">
                  <a:solidFill>
                    <a:schemeClr val="tx2"/>
                  </a:solidFill>
                </a:rPr>
                <a:t>Stable returns (capped at 9%) starting from Year 2</a:t>
              </a:r>
            </a:p>
          </p:txBody>
        </p:sp>
      </p:grpSp>
      <p:grpSp>
        <p:nvGrpSpPr>
          <p:cNvPr id="25" name="Group 24"/>
          <p:cNvGrpSpPr/>
          <p:nvPr/>
        </p:nvGrpSpPr>
        <p:grpSpPr>
          <a:xfrm>
            <a:off x="5526818" y="2855634"/>
            <a:ext cx="7147083" cy="633214"/>
            <a:chOff x="5526818" y="2920195"/>
            <a:chExt cx="7147083" cy="633214"/>
          </a:xfrm>
        </p:grpSpPr>
        <p:grpSp>
          <p:nvGrpSpPr>
            <p:cNvPr id="37" name="Group 36"/>
            <p:cNvGrpSpPr/>
            <p:nvPr/>
          </p:nvGrpSpPr>
          <p:grpSpPr>
            <a:xfrm>
              <a:off x="5526818" y="2920195"/>
              <a:ext cx="7109529" cy="633214"/>
              <a:chOff x="5526819" y="3685398"/>
              <a:chExt cx="7314469" cy="633214"/>
            </a:xfrm>
          </p:grpSpPr>
          <p:sp>
            <p:nvSpPr>
              <p:cNvPr id="38" name="Rectangle 37"/>
              <p:cNvSpPr/>
              <p:nvPr/>
            </p:nvSpPr>
            <p:spPr>
              <a:xfrm>
                <a:off x="5526819" y="3685398"/>
                <a:ext cx="7314469" cy="633214"/>
              </a:xfrm>
              <a:prstGeom prst="rect">
                <a:avLst/>
              </a:prstGeom>
              <a:solidFill>
                <a:srgbClr val="009051">
                  <a:alpha val="74902"/>
                </a:srgbClr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44365" tIns="44365" rIns="44365" bIns="44365" rtlCol="0" anchor="ctr"/>
              <a:lstStyle/>
              <a:p>
                <a:pPr algn="ctr"/>
                <a:endParaRPr lang="en-US" sz="1941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39" name="Right Arrow 38"/>
              <p:cNvSpPr/>
              <p:nvPr/>
            </p:nvSpPr>
            <p:spPr>
              <a:xfrm>
                <a:off x="5526819" y="3825819"/>
                <a:ext cx="499408" cy="352372"/>
              </a:xfrm>
              <a:prstGeom prst="rightArrow">
                <a:avLst>
                  <a:gd name="adj1" fmla="val 75688"/>
                  <a:gd name="adj2" fmla="val 50000"/>
                </a:avLst>
              </a:prstGeom>
              <a:solidFill>
                <a:srgbClr val="FFFFFF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44365" tIns="44365" rIns="44365" bIns="44365" rtlCol="0" anchor="ctr"/>
              <a:lstStyle/>
              <a:p>
                <a:pPr algn="ctr"/>
                <a:endParaRPr lang="en-US" sz="1941" dirty="0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57" name="TextBox 56"/>
            <p:cNvSpPr txBox="1"/>
            <p:nvPr>
              <p:custDataLst>
                <p:tags r:id="rId6"/>
              </p:custDataLst>
            </p:nvPr>
          </p:nvSpPr>
          <p:spPr>
            <a:xfrm>
              <a:off x="6049787" y="3074091"/>
              <a:ext cx="6624114" cy="338554"/>
            </a:xfrm>
            <a:prstGeom prst="rect">
              <a:avLst/>
            </a:prstGeom>
            <a:noFill/>
          </p:spPr>
          <p:txBody>
            <a:bodyPr vert="horz" wrap="square" lIns="44365" rIns="44365" rtlCol="0" anchor="ctr">
              <a:spAutoFit/>
            </a:bodyPr>
            <a:lstStyle/>
            <a:p>
              <a:pPr>
                <a:spcBef>
                  <a:spcPts val="932"/>
                </a:spcBef>
                <a:buSzPct val="100000"/>
              </a:pPr>
              <a:r>
                <a:rPr lang="en-US" sz="1600" b="1" dirty="0">
                  <a:solidFill>
                    <a:schemeClr val="tx2"/>
                  </a:solidFill>
                </a:rPr>
                <a:t>Real asset backed investment leading to reduced risk</a:t>
              </a:r>
            </a:p>
          </p:txBody>
        </p:sp>
      </p:grpSp>
      <p:grpSp>
        <p:nvGrpSpPr>
          <p:cNvPr id="62" name="Group 61"/>
          <p:cNvGrpSpPr/>
          <p:nvPr/>
        </p:nvGrpSpPr>
        <p:grpSpPr>
          <a:xfrm>
            <a:off x="5543481" y="3703663"/>
            <a:ext cx="7116007" cy="633214"/>
            <a:chOff x="5543481" y="3758642"/>
            <a:chExt cx="7116007" cy="633214"/>
          </a:xfrm>
        </p:grpSpPr>
        <p:grpSp>
          <p:nvGrpSpPr>
            <p:cNvPr id="41" name="Group 40"/>
            <p:cNvGrpSpPr/>
            <p:nvPr/>
          </p:nvGrpSpPr>
          <p:grpSpPr>
            <a:xfrm>
              <a:off x="5543481" y="3758642"/>
              <a:ext cx="7109529" cy="633214"/>
              <a:chOff x="5526819" y="3688374"/>
              <a:chExt cx="7314469" cy="633214"/>
            </a:xfrm>
          </p:grpSpPr>
          <p:sp>
            <p:nvSpPr>
              <p:cNvPr id="42" name="Rectangle 41"/>
              <p:cNvSpPr/>
              <p:nvPr/>
            </p:nvSpPr>
            <p:spPr>
              <a:xfrm>
                <a:off x="5526819" y="3688374"/>
                <a:ext cx="7314469" cy="633214"/>
              </a:xfrm>
              <a:prstGeom prst="rect">
                <a:avLst/>
              </a:prstGeom>
              <a:solidFill>
                <a:srgbClr val="007040">
                  <a:alpha val="43922"/>
                </a:srgbClr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44365" tIns="44365" rIns="44365" bIns="44365" rtlCol="0" anchor="ctr"/>
              <a:lstStyle/>
              <a:p>
                <a:pPr algn="ctr"/>
                <a:endParaRPr lang="en-US" sz="1941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43" name="Right Arrow 42"/>
              <p:cNvSpPr/>
              <p:nvPr/>
            </p:nvSpPr>
            <p:spPr>
              <a:xfrm>
                <a:off x="5526819" y="3825819"/>
                <a:ext cx="499408" cy="352372"/>
              </a:xfrm>
              <a:prstGeom prst="rightArrow">
                <a:avLst>
                  <a:gd name="adj1" fmla="val 75688"/>
                  <a:gd name="adj2" fmla="val 50000"/>
                </a:avLst>
              </a:prstGeom>
              <a:solidFill>
                <a:srgbClr val="FFFFFF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44365" tIns="44365" rIns="44365" bIns="44365" rtlCol="0" anchor="ctr"/>
              <a:lstStyle/>
              <a:p>
                <a:pPr algn="ctr"/>
                <a:endParaRPr lang="en-US" sz="1941" dirty="0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58" name="TextBox 57"/>
            <p:cNvSpPr txBox="1"/>
            <p:nvPr>
              <p:custDataLst>
                <p:tags r:id="rId5"/>
              </p:custDataLst>
            </p:nvPr>
          </p:nvSpPr>
          <p:spPr>
            <a:xfrm>
              <a:off x="6035374" y="3782862"/>
              <a:ext cx="6624114" cy="584775"/>
            </a:xfrm>
            <a:prstGeom prst="rect">
              <a:avLst/>
            </a:prstGeom>
            <a:noFill/>
          </p:spPr>
          <p:txBody>
            <a:bodyPr vert="horz" wrap="square" lIns="44365" rIns="44365" rtlCol="0" anchor="ctr">
              <a:spAutoFit/>
            </a:bodyPr>
            <a:lstStyle/>
            <a:p>
              <a:pPr>
                <a:spcBef>
                  <a:spcPts val="932"/>
                </a:spcBef>
                <a:buSzPct val="100000"/>
              </a:pPr>
              <a:r>
                <a:rPr lang="en-US" sz="1600" b="1" dirty="0">
                  <a:solidFill>
                    <a:schemeClr val="tx2"/>
                  </a:solidFill>
                </a:rPr>
                <a:t>Higher returns due to combination of continuous revenues and land price appreciation</a:t>
              </a:r>
            </a:p>
          </p:txBody>
        </p:sp>
      </p:grpSp>
      <p:grpSp>
        <p:nvGrpSpPr>
          <p:cNvPr id="18" name="Group 17"/>
          <p:cNvGrpSpPr/>
          <p:nvPr/>
        </p:nvGrpSpPr>
        <p:grpSpPr>
          <a:xfrm>
            <a:off x="5543481" y="4551692"/>
            <a:ext cx="7109529" cy="633214"/>
            <a:chOff x="5543481" y="4593754"/>
            <a:chExt cx="7109529" cy="633214"/>
          </a:xfrm>
        </p:grpSpPr>
        <p:grpSp>
          <p:nvGrpSpPr>
            <p:cNvPr id="45" name="Group 44"/>
            <p:cNvGrpSpPr/>
            <p:nvPr/>
          </p:nvGrpSpPr>
          <p:grpSpPr>
            <a:xfrm>
              <a:off x="5543481" y="4593754"/>
              <a:ext cx="7109529" cy="633214"/>
              <a:chOff x="5526819" y="3685398"/>
              <a:chExt cx="7314469" cy="633214"/>
            </a:xfrm>
          </p:grpSpPr>
          <p:sp>
            <p:nvSpPr>
              <p:cNvPr id="46" name="Rectangle 45"/>
              <p:cNvSpPr/>
              <p:nvPr/>
            </p:nvSpPr>
            <p:spPr>
              <a:xfrm>
                <a:off x="5526819" y="3685398"/>
                <a:ext cx="7314469" cy="633214"/>
              </a:xfrm>
              <a:prstGeom prst="rect">
                <a:avLst/>
              </a:prstGeom>
              <a:solidFill>
                <a:schemeClr val="tx1">
                  <a:lumMod val="75000"/>
                  <a:lumOff val="25000"/>
                  <a:alpha val="43922"/>
                </a:schemeClr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44365" tIns="44365" rIns="44365" bIns="44365" rtlCol="0" anchor="ctr"/>
              <a:lstStyle/>
              <a:p>
                <a:pPr algn="ctr"/>
                <a:endParaRPr lang="en-US" sz="1941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47" name="Right Arrow 46"/>
              <p:cNvSpPr/>
              <p:nvPr/>
            </p:nvSpPr>
            <p:spPr>
              <a:xfrm>
                <a:off x="5526819" y="3825819"/>
                <a:ext cx="499408" cy="352372"/>
              </a:xfrm>
              <a:prstGeom prst="rightArrow">
                <a:avLst>
                  <a:gd name="adj1" fmla="val 75688"/>
                  <a:gd name="adj2" fmla="val 50000"/>
                </a:avLst>
              </a:prstGeom>
              <a:solidFill>
                <a:srgbClr val="FFFFFF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44365" tIns="44365" rIns="44365" bIns="44365" rtlCol="0" anchor="ctr"/>
              <a:lstStyle/>
              <a:p>
                <a:pPr algn="ctr"/>
                <a:endParaRPr lang="en-US" sz="1941" dirty="0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60" name="TextBox 59"/>
            <p:cNvSpPr txBox="1"/>
            <p:nvPr>
              <p:custDataLst>
                <p:tags r:id="rId4"/>
              </p:custDataLst>
            </p:nvPr>
          </p:nvSpPr>
          <p:spPr>
            <a:xfrm>
              <a:off x="6012232" y="4617974"/>
              <a:ext cx="6624114" cy="584775"/>
            </a:xfrm>
            <a:prstGeom prst="rect">
              <a:avLst/>
            </a:prstGeom>
            <a:noFill/>
          </p:spPr>
          <p:txBody>
            <a:bodyPr vert="horz" wrap="square" lIns="44365" rIns="44365" rtlCol="0" anchor="ctr">
              <a:spAutoFit/>
            </a:bodyPr>
            <a:lstStyle/>
            <a:p>
              <a:pPr>
                <a:spcBef>
                  <a:spcPts val="932"/>
                </a:spcBef>
                <a:buSzPct val="100000"/>
              </a:pPr>
              <a:r>
                <a:rPr lang="en-US" sz="1600" b="1" dirty="0">
                  <a:solidFill>
                    <a:schemeClr val="tx2"/>
                  </a:solidFill>
                </a:rPr>
                <a:t>Promotion of positive public image by addressing several UN Sustainable Development Goals (SDGs)</a:t>
              </a:r>
            </a:p>
          </p:txBody>
        </p:sp>
      </p:grpSp>
      <p:grpSp>
        <p:nvGrpSpPr>
          <p:cNvPr id="17" name="Group 16"/>
          <p:cNvGrpSpPr/>
          <p:nvPr/>
        </p:nvGrpSpPr>
        <p:grpSpPr>
          <a:xfrm>
            <a:off x="5533035" y="6247750"/>
            <a:ext cx="7130420" cy="633214"/>
            <a:chOff x="5543481" y="5426608"/>
            <a:chExt cx="7130420" cy="633214"/>
          </a:xfrm>
        </p:grpSpPr>
        <p:grpSp>
          <p:nvGrpSpPr>
            <p:cNvPr id="49" name="Group 48"/>
            <p:cNvGrpSpPr/>
            <p:nvPr/>
          </p:nvGrpSpPr>
          <p:grpSpPr>
            <a:xfrm>
              <a:off x="5543481" y="5426608"/>
              <a:ext cx="7109529" cy="633214"/>
              <a:chOff x="5526819" y="3685398"/>
              <a:chExt cx="7314469" cy="633214"/>
            </a:xfrm>
          </p:grpSpPr>
          <p:sp>
            <p:nvSpPr>
              <p:cNvPr id="50" name="Rectangle 49"/>
              <p:cNvSpPr/>
              <p:nvPr/>
            </p:nvSpPr>
            <p:spPr>
              <a:xfrm>
                <a:off x="5526819" y="3685398"/>
                <a:ext cx="7314469" cy="633214"/>
              </a:xfrm>
              <a:prstGeom prst="rect">
                <a:avLst/>
              </a:prstGeom>
              <a:solidFill>
                <a:srgbClr val="0D0D0D">
                  <a:alpha val="60000"/>
                </a:srgbClr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44365" tIns="44365" rIns="44365" bIns="44365" rtlCol="0" anchor="ctr"/>
              <a:lstStyle/>
              <a:p>
                <a:pPr algn="ctr"/>
                <a:endParaRPr lang="en-US" sz="1941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51" name="Right Arrow 50"/>
              <p:cNvSpPr/>
              <p:nvPr/>
            </p:nvSpPr>
            <p:spPr>
              <a:xfrm>
                <a:off x="5526819" y="3825819"/>
                <a:ext cx="499408" cy="352372"/>
              </a:xfrm>
              <a:prstGeom prst="rightArrow">
                <a:avLst>
                  <a:gd name="adj1" fmla="val 75688"/>
                  <a:gd name="adj2" fmla="val 50000"/>
                </a:avLst>
              </a:prstGeom>
              <a:solidFill>
                <a:srgbClr val="FFFFFF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44365" tIns="44365" rIns="44365" bIns="44365" rtlCol="0" anchor="ctr"/>
              <a:lstStyle/>
              <a:p>
                <a:pPr algn="ctr"/>
                <a:endParaRPr lang="en-US" sz="1941" dirty="0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61" name="TextBox 60"/>
            <p:cNvSpPr txBox="1"/>
            <p:nvPr>
              <p:custDataLst>
                <p:tags r:id="rId3"/>
              </p:custDataLst>
            </p:nvPr>
          </p:nvSpPr>
          <p:spPr>
            <a:xfrm>
              <a:off x="6049787" y="5450828"/>
              <a:ext cx="6624114" cy="584775"/>
            </a:xfrm>
            <a:prstGeom prst="rect">
              <a:avLst/>
            </a:prstGeom>
            <a:noFill/>
          </p:spPr>
          <p:txBody>
            <a:bodyPr vert="horz" wrap="square" lIns="44365" rIns="44365" rtlCol="0" anchor="ctr">
              <a:spAutoFit/>
            </a:bodyPr>
            <a:lstStyle/>
            <a:p>
              <a:pPr>
                <a:spcBef>
                  <a:spcPts val="932"/>
                </a:spcBef>
                <a:buSzPct val="100000"/>
              </a:pPr>
              <a:r>
                <a:rPr lang="en-US" sz="1600" b="1" dirty="0">
                  <a:solidFill>
                    <a:schemeClr val="tx2"/>
                  </a:solidFill>
                </a:rPr>
                <a:t>Self feeding business model that uses surplus to buy land and expand, generating higher subsequent returns</a:t>
              </a:r>
            </a:p>
          </p:txBody>
        </p:sp>
      </p:grpSp>
      <p:sp>
        <p:nvSpPr>
          <p:cNvPr id="63" name="Rectangle 62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grpSp>
        <p:nvGrpSpPr>
          <p:cNvPr id="44" name="Group 43"/>
          <p:cNvGrpSpPr/>
          <p:nvPr/>
        </p:nvGrpSpPr>
        <p:grpSpPr>
          <a:xfrm>
            <a:off x="5529068" y="5399721"/>
            <a:ext cx="7130420" cy="633214"/>
            <a:chOff x="5543481" y="5426608"/>
            <a:chExt cx="7130420" cy="633214"/>
          </a:xfrm>
        </p:grpSpPr>
        <p:grpSp>
          <p:nvGrpSpPr>
            <p:cNvPr id="48" name="Group 47"/>
            <p:cNvGrpSpPr/>
            <p:nvPr/>
          </p:nvGrpSpPr>
          <p:grpSpPr>
            <a:xfrm>
              <a:off x="5543481" y="5426608"/>
              <a:ext cx="7109529" cy="633214"/>
              <a:chOff x="5526819" y="3685398"/>
              <a:chExt cx="7314469" cy="633214"/>
            </a:xfrm>
          </p:grpSpPr>
          <p:sp>
            <p:nvSpPr>
              <p:cNvPr id="53" name="Rectangle 52"/>
              <p:cNvSpPr/>
              <p:nvPr/>
            </p:nvSpPr>
            <p:spPr>
              <a:xfrm>
                <a:off x="5526819" y="3685398"/>
                <a:ext cx="7314469" cy="633214"/>
              </a:xfrm>
              <a:prstGeom prst="rect">
                <a:avLst/>
              </a:prstGeom>
              <a:solidFill>
                <a:schemeClr val="tx1">
                  <a:lumMod val="95000"/>
                  <a:lumOff val="5000"/>
                  <a:alpha val="43922"/>
                </a:schemeClr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44365" tIns="44365" rIns="44365" bIns="44365" rtlCol="0" anchor="ctr"/>
              <a:lstStyle/>
              <a:p>
                <a:pPr algn="ctr"/>
                <a:endParaRPr lang="en-US" sz="1941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54" name="Right Arrow 53"/>
              <p:cNvSpPr/>
              <p:nvPr/>
            </p:nvSpPr>
            <p:spPr>
              <a:xfrm>
                <a:off x="5526819" y="3825819"/>
                <a:ext cx="499408" cy="352372"/>
              </a:xfrm>
              <a:prstGeom prst="rightArrow">
                <a:avLst>
                  <a:gd name="adj1" fmla="val 75688"/>
                  <a:gd name="adj2" fmla="val 50000"/>
                </a:avLst>
              </a:prstGeom>
              <a:solidFill>
                <a:srgbClr val="FFFFFF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44365" tIns="44365" rIns="44365" bIns="44365" rtlCol="0" anchor="ctr"/>
              <a:lstStyle/>
              <a:p>
                <a:pPr algn="ctr"/>
                <a:endParaRPr lang="en-US" sz="1941" dirty="0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52" name="TextBox 51"/>
            <p:cNvSpPr txBox="1"/>
            <p:nvPr>
              <p:custDataLst>
                <p:tags r:id="rId2"/>
              </p:custDataLst>
            </p:nvPr>
          </p:nvSpPr>
          <p:spPr>
            <a:xfrm>
              <a:off x="6049787" y="5450828"/>
              <a:ext cx="6624114" cy="584775"/>
            </a:xfrm>
            <a:prstGeom prst="rect">
              <a:avLst/>
            </a:prstGeom>
            <a:noFill/>
          </p:spPr>
          <p:txBody>
            <a:bodyPr vert="horz" wrap="square" lIns="44365" rIns="44365" rtlCol="0" anchor="ctr">
              <a:spAutoFit/>
            </a:bodyPr>
            <a:lstStyle/>
            <a:p>
              <a:pPr>
                <a:spcBef>
                  <a:spcPts val="932"/>
                </a:spcBef>
                <a:buSzPct val="100000"/>
              </a:pPr>
              <a:r>
                <a:rPr lang="en-US" sz="1600" b="1" dirty="0">
                  <a:solidFill>
                    <a:schemeClr val="tx2"/>
                  </a:solidFill>
                </a:rPr>
                <a:t>Tangible and quantifiable social/financial impact metrics (e.g. # of farmers impacted, increase in farmer income)</a:t>
              </a:r>
            </a:p>
          </p:txBody>
        </p:sp>
      </p:grpSp>
    </p:spTree>
    <p:custDataLst>
      <p:tags r:id="rId1"/>
    </p:custDataLst>
    <p:extLst>
      <p:ext uri="{BB962C8B-B14F-4D97-AF65-F5344CB8AC3E}">
        <p14:creationId xmlns:p14="http://schemas.microsoft.com/office/powerpoint/2010/main" val="4134032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 advTm="47217"/>
    </mc:Choice>
    <mc:Fallback xmlns="">
      <p:transition spd="slow" advTm="47217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7" dur="5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" dur="5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9" dur="500"/>
                                        <p:tgtEl>
                                          <p:spTgt spid="1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0" presetID="53" presetClass="entr" presetSubtype="16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12" dur="5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3" dur="5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14" dur="500"/>
                                        <p:tgtEl>
                                          <p:spTgt spid="1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5" fill="hold">
                      <p:stCondLst>
                        <p:cond delay="indefinite"/>
                      </p:stCondLst>
                      <p:childTnLst>
                        <p:par>
                          <p:cTn id="26" fill="hold">
                            <p:stCondLst>
                              <p:cond delay="0"/>
                            </p:stCondLst>
                            <p:childTnLst>
                              <p:par>
                                <p:cTn id="27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29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0" dur="500" fill="hold"/>
                                        <p:tgtEl>
                                          <p:spTgt spid="5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31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2" presetID="53" presetClass="entr" presetSubtype="16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34" dur="5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5" dur="5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36" dur="5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7" fill="hold">
                      <p:stCondLst>
                        <p:cond delay="indefinite"/>
                      </p:stCondLst>
                      <p:childTnLst>
                        <p:par>
                          <p:cTn id="38" fill="hold">
                            <p:stCondLst>
                              <p:cond delay="0"/>
                            </p:stCondLst>
                            <p:childTnLst>
                              <p:par>
                                <p:cTn id="3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" grpId="0"/>
      <p:bldP spid="12" grpId="0"/>
      <p:bldP spid="13" grpId="0"/>
      <p:bldP spid="14" grpId="0"/>
    </p:bld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3" name="BainBulletsConfiguration" hidden="1"/>
          <p:cNvSpPr txBox="1"/>
          <p:nvPr/>
        </p:nvSpPr>
        <p:spPr>
          <a:xfrm>
            <a:off x="1712288" y="12323"/>
            <a:ext cx="8626466" cy="107722"/>
          </a:xfrm>
          <a:prstGeom prst="rect">
            <a:avLst/>
          </a:prstGeom>
          <a:noFill/>
        </p:spPr>
        <p:txBody>
          <a:bodyPr vert="horz" wrap="square" lIns="44365" rIns="44365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24" name="Title 1">
            <a:extLst>
              <a:ext uri="{FF2B5EF4-FFF2-40B4-BE49-F238E27FC236}">
                <a16:creationId xmlns:a16="http://schemas.microsoft.com/office/drawing/2014/main" id="{D5B1C0A7-38E7-4248-A5DE-0D739461F8F3}"/>
              </a:ext>
            </a:extLst>
          </p:cNvPr>
          <p:cNvSpPr txBox="1">
            <a:spLocks/>
          </p:cNvSpPr>
          <p:nvPr/>
        </p:nvSpPr>
        <p:spPr bwMode="gray">
          <a:xfrm>
            <a:off x="236672" y="266096"/>
            <a:ext cx="12604616" cy="87884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Farmers will receive high income and land ownership along with other benefits</a:t>
            </a:r>
          </a:p>
        </p:txBody>
      </p:sp>
      <p:sp>
        <p:nvSpPr>
          <p:cNvPr id="26" name="TextBox 25"/>
          <p:cNvSpPr txBox="1"/>
          <p:nvPr/>
        </p:nvSpPr>
        <p:spPr>
          <a:xfrm>
            <a:off x="834566" y="2033930"/>
            <a:ext cx="2897436" cy="1065113"/>
          </a:xfrm>
          <a:prstGeom prst="rect">
            <a:avLst/>
          </a:prstGeom>
          <a:noFill/>
        </p:spPr>
        <p:txBody>
          <a:bodyPr wrap="square" lIns="44365" rIns="44365" rtlCol="0">
            <a:prstTxWarp prst="textPlain">
              <a:avLst/>
            </a:prstTxWarp>
            <a:spAutoFit/>
          </a:bodyPr>
          <a:lstStyle/>
          <a:p>
            <a:pPr algn="ctr"/>
            <a:r>
              <a:rPr lang="en-US" sz="4658" b="1" dirty="0">
                <a:solidFill>
                  <a:srgbClr val="009051"/>
                </a:solidFill>
              </a:rPr>
              <a:t>100%</a:t>
            </a:r>
          </a:p>
        </p:txBody>
      </p:sp>
      <p:grpSp>
        <p:nvGrpSpPr>
          <p:cNvPr id="7" name="Group 6"/>
          <p:cNvGrpSpPr/>
          <p:nvPr/>
        </p:nvGrpSpPr>
        <p:grpSpPr>
          <a:xfrm>
            <a:off x="8574845" y="4290173"/>
            <a:ext cx="4019489" cy="2526281"/>
            <a:chOff x="4432702" y="4317719"/>
            <a:chExt cx="4019489" cy="2526281"/>
          </a:xfrm>
        </p:grpSpPr>
        <p:sp>
          <p:nvSpPr>
            <p:cNvPr id="18" name="Rectangle 17"/>
            <p:cNvSpPr/>
            <p:nvPr/>
          </p:nvSpPr>
          <p:spPr>
            <a:xfrm>
              <a:off x="4432702" y="4317719"/>
              <a:ext cx="4019489" cy="2526281"/>
            </a:xfrm>
            <a:prstGeom prst="rect">
              <a:avLst/>
            </a:prstGeom>
            <a:solidFill>
              <a:schemeClr val="accent5">
                <a:lumMod val="75000"/>
                <a:alpha val="69804"/>
              </a:schemeClr>
            </a:solidFill>
            <a:ln w="19050">
              <a:solidFill>
                <a:srgbClr val="FFFFFF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88729" tIns="44365" rIns="88729" bIns="133094" rtlCol="0" anchor="b"/>
            <a:lstStyle/>
            <a:p>
              <a:pPr algn="ctr"/>
              <a:r>
                <a:rPr lang="en-US" sz="1600" b="1" dirty="0">
                  <a:solidFill>
                    <a:srgbClr val="FFFFFF"/>
                  </a:solidFill>
                </a:rPr>
                <a:t>Community Development</a:t>
              </a:r>
            </a:p>
            <a:p>
              <a:pPr algn="ctr"/>
              <a:endParaRPr lang="en-US" sz="1600" b="1" dirty="0">
                <a:solidFill>
                  <a:schemeClr val="bg2"/>
                </a:solidFill>
              </a:endParaRPr>
            </a:p>
            <a:p>
              <a:pPr algn="ctr"/>
              <a:r>
                <a:rPr lang="en-US" sz="1600" dirty="0">
                  <a:solidFill>
                    <a:schemeClr val="bg2"/>
                  </a:solidFill>
                  <a:latin typeface="Verdana" panose="020B0604030504040204" pitchFamily="34" charset="0"/>
                </a:rPr>
                <a:t>Initiatives like housing, sanitation, education and clean water availability for the partners and their families</a:t>
              </a:r>
              <a:endParaRPr lang="en-US" sz="1600" dirty="0">
                <a:solidFill>
                  <a:schemeClr val="bg2"/>
                </a:solidFill>
              </a:endParaRPr>
            </a:p>
          </p:txBody>
        </p:sp>
        <p:grpSp>
          <p:nvGrpSpPr>
            <p:cNvPr id="29" name="Group 28"/>
            <p:cNvGrpSpPr/>
            <p:nvPr>
              <p:custDataLst>
                <p:tags r:id="rId2"/>
              </p:custDataLst>
            </p:nvPr>
          </p:nvGrpSpPr>
          <p:grpSpPr>
            <a:xfrm>
              <a:off x="6059278" y="4559624"/>
              <a:ext cx="765096" cy="667596"/>
              <a:chOff x="-5972176" y="-479425"/>
              <a:chExt cx="5707063" cy="5554663"/>
            </a:xfrm>
            <a:solidFill>
              <a:schemeClr val="bg2"/>
            </a:solidFill>
          </p:grpSpPr>
          <p:sp>
            <p:nvSpPr>
              <p:cNvPr id="31" name="Freeform 7"/>
              <p:cNvSpPr>
                <a:spLocks/>
              </p:cNvSpPr>
              <p:nvPr/>
            </p:nvSpPr>
            <p:spPr bwMode="auto">
              <a:xfrm>
                <a:off x="-3965575" y="736600"/>
                <a:ext cx="1704975" cy="3449638"/>
              </a:xfrm>
              <a:custGeom>
                <a:avLst/>
                <a:gdLst>
                  <a:gd name="T0" fmla="*/ 379 w 455"/>
                  <a:gd name="T1" fmla="*/ 920 h 920"/>
                  <a:gd name="T2" fmla="*/ 274 w 455"/>
                  <a:gd name="T3" fmla="*/ 920 h 920"/>
                  <a:gd name="T4" fmla="*/ 234 w 455"/>
                  <a:gd name="T5" fmla="*/ 657 h 920"/>
                  <a:gd name="T6" fmla="*/ 230 w 455"/>
                  <a:gd name="T7" fmla="*/ 657 h 920"/>
                  <a:gd name="T8" fmla="*/ 190 w 455"/>
                  <a:gd name="T9" fmla="*/ 919 h 920"/>
                  <a:gd name="T10" fmla="*/ 78 w 455"/>
                  <a:gd name="T11" fmla="*/ 919 h 920"/>
                  <a:gd name="T12" fmla="*/ 77 w 455"/>
                  <a:gd name="T13" fmla="*/ 904 h 920"/>
                  <a:gd name="T14" fmla="*/ 77 w 455"/>
                  <a:gd name="T15" fmla="*/ 502 h 920"/>
                  <a:gd name="T16" fmla="*/ 66 w 455"/>
                  <a:gd name="T17" fmla="*/ 481 h 920"/>
                  <a:gd name="T18" fmla="*/ 1 w 455"/>
                  <a:gd name="T19" fmla="*/ 361 h 920"/>
                  <a:gd name="T20" fmla="*/ 1 w 455"/>
                  <a:gd name="T21" fmla="*/ 147 h 920"/>
                  <a:gd name="T22" fmla="*/ 148 w 455"/>
                  <a:gd name="T23" fmla="*/ 0 h 920"/>
                  <a:gd name="T24" fmla="*/ 309 w 455"/>
                  <a:gd name="T25" fmla="*/ 0 h 920"/>
                  <a:gd name="T26" fmla="*/ 455 w 455"/>
                  <a:gd name="T27" fmla="*/ 144 h 920"/>
                  <a:gd name="T28" fmla="*/ 455 w 455"/>
                  <a:gd name="T29" fmla="*/ 364 h 920"/>
                  <a:gd name="T30" fmla="*/ 390 w 455"/>
                  <a:gd name="T31" fmla="*/ 480 h 920"/>
                  <a:gd name="T32" fmla="*/ 378 w 455"/>
                  <a:gd name="T33" fmla="*/ 502 h 920"/>
                  <a:gd name="T34" fmla="*/ 379 w 455"/>
                  <a:gd name="T35" fmla="*/ 903 h 920"/>
                  <a:gd name="T36" fmla="*/ 379 w 455"/>
                  <a:gd name="T37" fmla="*/ 920 h 92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</a:cxnLst>
                <a:rect l="0" t="0" r="r" b="b"/>
                <a:pathLst>
                  <a:path w="455" h="920">
                    <a:moveTo>
                      <a:pt x="379" y="920"/>
                    </a:moveTo>
                    <a:cubicBezTo>
                      <a:pt x="342" y="920"/>
                      <a:pt x="309" y="920"/>
                      <a:pt x="274" y="920"/>
                    </a:cubicBezTo>
                    <a:cubicBezTo>
                      <a:pt x="261" y="832"/>
                      <a:pt x="247" y="744"/>
                      <a:pt x="234" y="657"/>
                    </a:cubicBezTo>
                    <a:cubicBezTo>
                      <a:pt x="233" y="657"/>
                      <a:pt x="232" y="657"/>
                      <a:pt x="230" y="657"/>
                    </a:cubicBezTo>
                    <a:cubicBezTo>
                      <a:pt x="217" y="744"/>
                      <a:pt x="204" y="831"/>
                      <a:pt x="190" y="919"/>
                    </a:cubicBezTo>
                    <a:cubicBezTo>
                      <a:pt x="153" y="919"/>
                      <a:pt x="116" y="919"/>
                      <a:pt x="78" y="919"/>
                    </a:cubicBezTo>
                    <a:cubicBezTo>
                      <a:pt x="77" y="915"/>
                      <a:pt x="77" y="909"/>
                      <a:pt x="77" y="904"/>
                    </a:cubicBezTo>
                    <a:cubicBezTo>
                      <a:pt x="77" y="770"/>
                      <a:pt x="77" y="636"/>
                      <a:pt x="77" y="502"/>
                    </a:cubicBezTo>
                    <a:cubicBezTo>
                      <a:pt x="77" y="492"/>
                      <a:pt x="75" y="486"/>
                      <a:pt x="66" y="481"/>
                    </a:cubicBezTo>
                    <a:cubicBezTo>
                      <a:pt x="23" y="453"/>
                      <a:pt x="1" y="412"/>
                      <a:pt x="1" y="361"/>
                    </a:cubicBezTo>
                    <a:cubicBezTo>
                      <a:pt x="0" y="290"/>
                      <a:pt x="0" y="218"/>
                      <a:pt x="1" y="147"/>
                    </a:cubicBezTo>
                    <a:cubicBezTo>
                      <a:pt x="1" y="60"/>
                      <a:pt x="61" y="0"/>
                      <a:pt x="148" y="0"/>
                    </a:cubicBezTo>
                    <a:cubicBezTo>
                      <a:pt x="202" y="0"/>
                      <a:pt x="255" y="0"/>
                      <a:pt x="309" y="0"/>
                    </a:cubicBezTo>
                    <a:cubicBezTo>
                      <a:pt x="393" y="0"/>
                      <a:pt x="454" y="59"/>
                      <a:pt x="455" y="144"/>
                    </a:cubicBezTo>
                    <a:cubicBezTo>
                      <a:pt x="455" y="217"/>
                      <a:pt x="455" y="291"/>
                      <a:pt x="455" y="364"/>
                    </a:cubicBezTo>
                    <a:cubicBezTo>
                      <a:pt x="454" y="414"/>
                      <a:pt x="431" y="453"/>
                      <a:pt x="390" y="480"/>
                    </a:cubicBezTo>
                    <a:cubicBezTo>
                      <a:pt x="381" y="486"/>
                      <a:pt x="378" y="492"/>
                      <a:pt x="378" y="502"/>
                    </a:cubicBezTo>
                    <a:cubicBezTo>
                      <a:pt x="379" y="636"/>
                      <a:pt x="379" y="769"/>
                      <a:pt x="379" y="903"/>
                    </a:cubicBezTo>
                    <a:cubicBezTo>
                      <a:pt x="379" y="908"/>
                      <a:pt x="379" y="913"/>
                      <a:pt x="379" y="92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729" tIns="44365" rIns="88729" bIns="44365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747" dirty="0"/>
              </a:p>
            </p:txBody>
          </p:sp>
          <p:sp>
            <p:nvSpPr>
              <p:cNvPr id="32" name="Freeform 8"/>
              <p:cNvSpPr>
                <a:spLocks/>
              </p:cNvSpPr>
              <p:nvPr/>
            </p:nvSpPr>
            <p:spPr bwMode="auto">
              <a:xfrm>
                <a:off x="-5972176" y="3673475"/>
                <a:ext cx="5707063" cy="1401763"/>
              </a:xfrm>
              <a:custGeom>
                <a:avLst/>
                <a:gdLst>
                  <a:gd name="T0" fmla="*/ 164 w 1522"/>
                  <a:gd name="T1" fmla="*/ 0 h 374"/>
                  <a:gd name="T2" fmla="*/ 176 w 1522"/>
                  <a:gd name="T3" fmla="*/ 102 h 374"/>
                  <a:gd name="T4" fmla="*/ 309 w 1522"/>
                  <a:gd name="T5" fmla="*/ 156 h 374"/>
                  <a:gd name="T6" fmla="*/ 634 w 1522"/>
                  <a:gd name="T7" fmla="*/ 201 h 374"/>
                  <a:gd name="T8" fmla="*/ 903 w 1522"/>
                  <a:gd name="T9" fmla="*/ 200 h 374"/>
                  <a:gd name="T10" fmla="*/ 1278 w 1522"/>
                  <a:gd name="T11" fmla="*/ 138 h 374"/>
                  <a:gd name="T12" fmla="*/ 1349 w 1522"/>
                  <a:gd name="T13" fmla="*/ 105 h 374"/>
                  <a:gd name="T14" fmla="*/ 1377 w 1522"/>
                  <a:gd name="T15" fmla="*/ 83 h 374"/>
                  <a:gd name="T16" fmla="*/ 1376 w 1522"/>
                  <a:gd name="T17" fmla="*/ 12 h 374"/>
                  <a:gd name="T18" fmla="*/ 1366 w 1522"/>
                  <a:gd name="T19" fmla="*/ 1 h 374"/>
                  <a:gd name="T20" fmla="*/ 1503 w 1522"/>
                  <a:gd name="T21" fmla="*/ 97 h 374"/>
                  <a:gd name="T22" fmla="*/ 1497 w 1522"/>
                  <a:gd name="T23" fmla="*/ 187 h 374"/>
                  <a:gd name="T24" fmla="*/ 1399 w 1522"/>
                  <a:gd name="T25" fmla="*/ 260 h 374"/>
                  <a:gd name="T26" fmla="*/ 1149 w 1522"/>
                  <a:gd name="T27" fmla="*/ 335 h 374"/>
                  <a:gd name="T28" fmla="*/ 645 w 1522"/>
                  <a:gd name="T29" fmla="*/ 365 h 374"/>
                  <a:gd name="T30" fmla="*/ 196 w 1522"/>
                  <a:gd name="T31" fmla="*/ 287 h 374"/>
                  <a:gd name="T32" fmla="*/ 64 w 1522"/>
                  <a:gd name="T33" fmla="*/ 219 h 374"/>
                  <a:gd name="T34" fmla="*/ 60 w 1522"/>
                  <a:gd name="T35" fmla="*/ 216 h 374"/>
                  <a:gd name="T36" fmla="*/ 58 w 1522"/>
                  <a:gd name="T37" fmla="*/ 59 h 374"/>
                  <a:gd name="T38" fmla="*/ 164 w 1522"/>
                  <a:gd name="T39" fmla="*/ 0 h 3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</a:cxnLst>
                <a:rect l="0" t="0" r="r" b="b"/>
                <a:pathLst>
                  <a:path w="1522" h="374">
                    <a:moveTo>
                      <a:pt x="164" y="0"/>
                    </a:moveTo>
                    <a:cubicBezTo>
                      <a:pt x="125" y="42"/>
                      <a:pt x="129" y="71"/>
                      <a:pt x="176" y="102"/>
                    </a:cubicBezTo>
                    <a:cubicBezTo>
                      <a:pt x="216" y="129"/>
                      <a:pt x="262" y="144"/>
                      <a:pt x="309" y="156"/>
                    </a:cubicBezTo>
                    <a:cubicBezTo>
                      <a:pt x="415" y="183"/>
                      <a:pt x="524" y="197"/>
                      <a:pt x="634" y="201"/>
                    </a:cubicBezTo>
                    <a:cubicBezTo>
                      <a:pt x="724" y="203"/>
                      <a:pt x="813" y="204"/>
                      <a:pt x="903" y="200"/>
                    </a:cubicBezTo>
                    <a:cubicBezTo>
                      <a:pt x="1030" y="195"/>
                      <a:pt x="1157" y="180"/>
                      <a:pt x="1278" y="138"/>
                    </a:cubicBezTo>
                    <a:cubicBezTo>
                      <a:pt x="1303" y="129"/>
                      <a:pt x="1326" y="117"/>
                      <a:pt x="1349" y="105"/>
                    </a:cubicBezTo>
                    <a:cubicBezTo>
                      <a:pt x="1359" y="100"/>
                      <a:pt x="1368" y="91"/>
                      <a:pt x="1377" y="83"/>
                    </a:cubicBezTo>
                    <a:cubicBezTo>
                      <a:pt x="1398" y="60"/>
                      <a:pt x="1398" y="35"/>
                      <a:pt x="1376" y="12"/>
                    </a:cubicBezTo>
                    <a:cubicBezTo>
                      <a:pt x="1373" y="9"/>
                      <a:pt x="1369" y="6"/>
                      <a:pt x="1366" y="1"/>
                    </a:cubicBezTo>
                    <a:cubicBezTo>
                      <a:pt x="1419" y="23"/>
                      <a:pt x="1471" y="46"/>
                      <a:pt x="1503" y="97"/>
                    </a:cubicBezTo>
                    <a:cubicBezTo>
                      <a:pt x="1522" y="128"/>
                      <a:pt x="1517" y="158"/>
                      <a:pt x="1497" y="187"/>
                    </a:cubicBezTo>
                    <a:cubicBezTo>
                      <a:pt x="1472" y="221"/>
                      <a:pt x="1436" y="242"/>
                      <a:pt x="1399" y="260"/>
                    </a:cubicBezTo>
                    <a:cubicBezTo>
                      <a:pt x="1320" y="298"/>
                      <a:pt x="1235" y="319"/>
                      <a:pt x="1149" y="335"/>
                    </a:cubicBezTo>
                    <a:cubicBezTo>
                      <a:pt x="982" y="366"/>
                      <a:pt x="814" y="374"/>
                      <a:pt x="645" y="365"/>
                    </a:cubicBezTo>
                    <a:cubicBezTo>
                      <a:pt x="492" y="357"/>
                      <a:pt x="341" y="338"/>
                      <a:pt x="196" y="287"/>
                    </a:cubicBezTo>
                    <a:cubicBezTo>
                      <a:pt x="149" y="271"/>
                      <a:pt x="103" y="250"/>
                      <a:pt x="64" y="219"/>
                    </a:cubicBezTo>
                    <a:cubicBezTo>
                      <a:pt x="62" y="218"/>
                      <a:pt x="61" y="217"/>
                      <a:pt x="60" y="216"/>
                    </a:cubicBezTo>
                    <a:cubicBezTo>
                      <a:pt x="1" y="166"/>
                      <a:pt x="0" y="110"/>
                      <a:pt x="58" y="59"/>
                    </a:cubicBezTo>
                    <a:cubicBezTo>
                      <a:pt x="84" y="37"/>
                      <a:pt x="132" y="10"/>
                      <a:pt x="164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729" tIns="44365" rIns="88729" bIns="44365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747" dirty="0"/>
              </a:p>
            </p:txBody>
          </p:sp>
          <p:sp>
            <p:nvSpPr>
              <p:cNvPr id="33" name="Freeform 9"/>
              <p:cNvSpPr>
                <a:spLocks/>
              </p:cNvSpPr>
              <p:nvPr/>
            </p:nvSpPr>
            <p:spPr bwMode="auto">
              <a:xfrm>
                <a:off x="-2238375" y="825500"/>
                <a:ext cx="1304925" cy="3170238"/>
              </a:xfrm>
              <a:custGeom>
                <a:avLst/>
                <a:gdLst>
                  <a:gd name="T0" fmla="*/ 133 w 348"/>
                  <a:gd name="T1" fmla="*/ 606 h 845"/>
                  <a:gd name="T2" fmla="*/ 96 w 348"/>
                  <a:gd name="T3" fmla="*/ 845 h 845"/>
                  <a:gd name="T4" fmla="*/ 1 w 348"/>
                  <a:gd name="T5" fmla="*/ 845 h 845"/>
                  <a:gd name="T6" fmla="*/ 0 w 348"/>
                  <a:gd name="T7" fmla="*/ 831 h 845"/>
                  <a:gd name="T8" fmla="*/ 1 w 348"/>
                  <a:gd name="T9" fmla="*/ 500 h 845"/>
                  <a:gd name="T10" fmla="*/ 9 w 348"/>
                  <a:gd name="T11" fmla="*/ 478 h 845"/>
                  <a:gd name="T12" fmla="*/ 63 w 348"/>
                  <a:gd name="T13" fmla="*/ 335 h 845"/>
                  <a:gd name="T14" fmla="*/ 63 w 348"/>
                  <a:gd name="T15" fmla="*/ 148 h 845"/>
                  <a:gd name="T16" fmla="*/ 29 w 348"/>
                  <a:gd name="T17" fmla="*/ 3 h 845"/>
                  <a:gd name="T18" fmla="*/ 58 w 348"/>
                  <a:gd name="T19" fmla="*/ 0 h 845"/>
                  <a:gd name="T20" fmla="*/ 220 w 348"/>
                  <a:gd name="T21" fmla="*/ 0 h 845"/>
                  <a:gd name="T22" fmla="*/ 347 w 348"/>
                  <a:gd name="T23" fmla="*/ 125 h 845"/>
                  <a:gd name="T24" fmla="*/ 347 w 348"/>
                  <a:gd name="T25" fmla="*/ 338 h 845"/>
                  <a:gd name="T26" fmla="*/ 290 w 348"/>
                  <a:gd name="T27" fmla="*/ 440 h 845"/>
                  <a:gd name="T28" fmla="*/ 278 w 348"/>
                  <a:gd name="T29" fmla="*/ 464 h 845"/>
                  <a:gd name="T30" fmla="*/ 278 w 348"/>
                  <a:gd name="T31" fmla="*/ 826 h 845"/>
                  <a:gd name="T32" fmla="*/ 278 w 348"/>
                  <a:gd name="T33" fmla="*/ 844 h 845"/>
                  <a:gd name="T34" fmla="*/ 173 w 348"/>
                  <a:gd name="T35" fmla="*/ 844 h 845"/>
                  <a:gd name="T36" fmla="*/ 137 w 348"/>
                  <a:gd name="T37" fmla="*/ 606 h 845"/>
                  <a:gd name="T38" fmla="*/ 133 w 348"/>
                  <a:gd name="T39" fmla="*/ 606 h 84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</a:cxnLst>
                <a:rect l="0" t="0" r="r" b="b"/>
                <a:pathLst>
                  <a:path w="348" h="845">
                    <a:moveTo>
                      <a:pt x="133" y="606"/>
                    </a:moveTo>
                    <a:cubicBezTo>
                      <a:pt x="120" y="686"/>
                      <a:pt x="108" y="765"/>
                      <a:pt x="96" y="845"/>
                    </a:cubicBezTo>
                    <a:cubicBezTo>
                      <a:pt x="64" y="845"/>
                      <a:pt x="33" y="845"/>
                      <a:pt x="1" y="845"/>
                    </a:cubicBezTo>
                    <a:cubicBezTo>
                      <a:pt x="1" y="840"/>
                      <a:pt x="0" y="836"/>
                      <a:pt x="0" y="831"/>
                    </a:cubicBezTo>
                    <a:cubicBezTo>
                      <a:pt x="0" y="721"/>
                      <a:pt x="0" y="610"/>
                      <a:pt x="1" y="500"/>
                    </a:cubicBezTo>
                    <a:cubicBezTo>
                      <a:pt x="1" y="492"/>
                      <a:pt x="4" y="484"/>
                      <a:pt x="9" y="478"/>
                    </a:cubicBezTo>
                    <a:cubicBezTo>
                      <a:pt x="45" y="437"/>
                      <a:pt x="63" y="390"/>
                      <a:pt x="63" y="335"/>
                    </a:cubicBezTo>
                    <a:cubicBezTo>
                      <a:pt x="63" y="273"/>
                      <a:pt x="62" y="210"/>
                      <a:pt x="63" y="148"/>
                    </a:cubicBezTo>
                    <a:cubicBezTo>
                      <a:pt x="64" y="97"/>
                      <a:pt x="59" y="49"/>
                      <a:pt x="29" y="3"/>
                    </a:cubicBezTo>
                    <a:cubicBezTo>
                      <a:pt x="40" y="2"/>
                      <a:pt x="49" y="0"/>
                      <a:pt x="58" y="0"/>
                    </a:cubicBezTo>
                    <a:cubicBezTo>
                      <a:pt x="112" y="0"/>
                      <a:pt x="166" y="0"/>
                      <a:pt x="220" y="0"/>
                    </a:cubicBezTo>
                    <a:cubicBezTo>
                      <a:pt x="289" y="1"/>
                      <a:pt x="346" y="57"/>
                      <a:pt x="347" y="125"/>
                    </a:cubicBezTo>
                    <a:cubicBezTo>
                      <a:pt x="348" y="196"/>
                      <a:pt x="348" y="267"/>
                      <a:pt x="347" y="338"/>
                    </a:cubicBezTo>
                    <a:cubicBezTo>
                      <a:pt x="346" y="381"/>
                      <a:pt x="326" y="416"/>
                      <a:pt x="290" y="440"/>
                    </a:cubicBezTo>
                    <a:cubicBezTo>
                      <a:pt x="280" y="446"/>
                      <a:pt x="278" y="453"/>
                      <a:pt x="278" y="464"/>
                    </a:cubicBezTo>
                    <a:cubicBezTo>
                      <a:pt x="278" y="585"/>
                      <a:pt x="278" y="705"/>
                      <a:pt x="278" y="826"/>
                    </a:cubicBezTo>
                    <a:cubicBezTo>
                      <a:pt x="278" y="832"/>
                      <a:pt x="278" y="837"/>
                      <a:pt x="278" y="844"/>
                    </a:cubicBezTo>
                    <a:cubicBezTo>
                      <a:pt x="243" y="844"/>
                      <a:pt x="209" y="844"/>
                      <a:pt x="173" y="844"/>
                    </a:cubicBezTo>
                    <a:cubicBezTo>
                      <a:pt x="161" y="766"/>
                      <a:pt x="149" y="686"/>
                      <a:pt x="137" y="606"/>
                    </a:cubicBezTo>
                    <a:cubicBezTo>
                      <a:pt x="135" y="606"/>
                      <a:pt x="134" y="606"/>
                      <a:pt x="133" y="606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729" tIns="44365" rIns="88729" bIns="44365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747" dirty="0"/>
              </a:p>
            </p:txBody>
          </p:sp>
          <p:sp>
            <p:nvSpPr>
              <p:cNvPr id="34" name="Freeform 10"/>
              <p:cNvSpPr>
                <a:spLocks/>
              </p:cNvSpPr>
              <p:nvPr/>
            </p:nvSpPr>
            <p:spPr bwMode="auto">
              <a:xfrm>
                <a:off x="-5286375" y="825500"/>
                <a:ext cx="1304925" cy="3170238"/>
              </a:xfrm>
              <a:custGeom>
                <a:avLst/>
                <a:gdLst>
                  <a:gd name="T0" fmla="*/ 347 w 348"/>
                  <a:gd name="T1" fmla="*/ 845 h 845"/>
                  <a:gd name="T2" fmla="*/ 252 w 348"/>
                  <a:gd name="T3" fmla="*/ 845 h 845"/>
                  <a:gd name="T4" fmla="*/ 215 w 348"/>
                  <a:gd name="T5" fmla="*/ 604 h 845"/>
                  <a:gd name="T6" fmla="*/ 212 w 348"/>
                  <a:gd name="T7" fmla="*/ 604 h 845"/>
                  <a:gd name="T8" fmla="*/ 175 w 348"/>
                  <a:gd name="T9" fmla="*/ 845 h 845"/>
                  <a:gd name="T10" fmla="*/ 71 w 348"/>
                  <a:gd name="T11" fmla="*/ 845 h 845"/>
                  <a:gd name="T12" fmla="*/ 71 w 348"/>
                  <a:gd name="T13" fmla="*/ 741 h 845"/>
                  <a:gd name="T14" fmla="*/ 71 w 348"/>
                  <a:gd name="T15" fmla="*/ 464 h 845"/>
                  <a:gd name="T16" fmla="*/ 59 w 348"/>
                  <a:gd name="T17" fmla="*/ 441 h 845"/>
                  <a:gd name="T18" fmla="*/ 1 w 348"/>
                  <a:gd name="T19" fmla="*/ 330 h 845"/>
                  <a:gd name="T20" fmla="*/ 1 w 348"/>
                  <a:gd name="T21" fmla="*/ 137 h 845"/>
                  <a:gd name="T22" fmla="*/ 137 w 348"/>
                  <a:gd name="T23" fmla="*/ 0 h 845"/>
                  <a:gd name="T24" fmla="*/ 289 w 348"/>
                  <a:gd name="T25" fmla="*/ 0 h 845"/>
                  <a:gd name="T26" fmla="*/ 315 w 348"/>
                  <a:gd name="T27" fmla="*/ 3 h 845"/>
                  <a:gd name="T28" fmla="*/ 291 w 348"/>
                  <a:gd name="T29" fmla="*/ 72 h 845"/>
                  <a:gd name="T30" fmla="*/ 285 w 348"/>
                  <a:gd name="T31" fmla="*/ 127 h 845"/>
                  <a:gd name="T32" fmla="*/ 285 w 348"/>
                  <a:gd name="T33" fmla="*/ 330 h 845"/>
                  <a:gd name="T34" fmla="*/ 340 w 348"/>
                  <a:gd name="T35" fmla="*/ 479 h 845"/>
                  <a:gd name="T36" fmla="*/ 347 w 348"/>
                  <a:gd name="T37" fmla="*/ 495 h 845"/>
                  <a:gd name="T38" fmla="*/ 348 w 348"/>
                  <a:gd name="T39" fmla="*/ 837 h 845"/>
                  <a:gd name="T40" fmla="*/ 347 w 348"/>
                  <a:gd name="T41" fmla="*/ 845 h 84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</a:cxnLst>
                <a:rect l="0" t="0" r="r" b="b"/>
                <a:pathLst>
                  <a:path w="348" h="845">
                    <a:moveTo>
                      <a:pt x="347" y="845"/>
                    </a:moveTo>
                    <a:cubicBezTo>
                      <a:pt x="315" y="845"/>
                      <a:pt x="284" y="845"/>
                      <a:pt x="252" y="845"/>
                    </a:cubicBezTo>
                    <a:cubicBezTo>
                      <a:pt x="240" y="765"/>
                      <a:pt x="228" y="684"/>
                      <a:pt x="215" y="604"/>
                    </a:cubicBezTo>
                    <a:cubicBezTo>
                      <a:pt x="214" y="604"/>
                      <a:pt x="213" y="604"/>
                      <a:pt x="212" y="604"/>
                    </a:cubicBezTo>
                    <a:cubicBezTo>
                      <a:pt x="200" y="684"/>
                      <a:pt x="187" y="764"/>
                      <a:pt x="175" y="845"/>
                    </a:cubicBezTo>
                    <a:cubicBezTo>
                      <a:pt x="140" y="845"/>
                      <a:pt x="107" y="845"/>
                      <a:pt x="71" y="845"/>
                    </a:cubicBezTo>
                    <a:cubicBezTo>
                      <a:pt x="71" y="810"/>
                      <a:pt x="71" y="775"/>
                      <a:pt x="71" y="741"/>
                    </a:cubicBezTo>
                    <a:cubicBezTo>
                      <a:pt x="71" y="649"/>
                      <a:pt x="71" y="556"/>
                      <a:pt x="71" y="464"/>
                    </a:cubicBezTo>
                    <a:cubicBezTo>
                      <a:pt x="71" y="453"/>
                      <a:pt x="68" y="447"/>
                      <a:pt x="59" y="441"/>
                    </a:cubicBezTo>
                    <a:cubicBezTo>
                      <a:pt x="20" y="414"/>
                      <a:pt x="1" y="377"/>
                      <a:pt x="1" y="330"/>
                    </a:cubicBezTo>
                    <a:cubicBezTo>
                      <a:pt x="0" y="266"/>
                      <a:pt x="0" y="201"/>
                      <a:pt x="1" y="137"/>
                    </a:cubicBezTo>
                    <a:cubicBezTo>
                      <a:pt x="1" y="56"/>
                      <a:pt x="56" y="0"/>
                      <a:pt x="137" y="0"/>
                    </a:cubicBezTo>
                    <a:cubicBezTo>
                      <a:pt x="188" y="0"/>
                      <a:pt x="238" y="0"/>
                      <a:pt x="289" y="0"/>
                    </a:cubicBezTo>
                    <a:cubicBezTo>
                      <a:pt x="298" y="0"/>
                      <a:pt x="307" y="2"/>
                      <a:pt x="315" y="3"/>
                    </a:cubicBezTo>
                    <a:cubicBezTo>
                      <a:pt x="307" y="27"/>
                      <a:pt x="297" y="49"/>
                      <a:pt x="291" y="72"/>
                    </a:cubicBezTo>
                    <a:cubicBezTo>
                      <a:pt x="286" y="90"/>
                      <a:pt x="285" y="109"/>
                      <a:pt x="285" y="127"/>
                    </a:cubicBezTo>
                    <a:cubicBezTo>
                      <a:pt x="285" y="195"/>
                      <a:pt x="285" y="262"/>
                      <a:pt x="285" y="330"/>
                    </a:cubicBezTo>
                    <a:cubicBezTo>
                      <a:pt x="285" y="387"/>
                      <a:pt x="302" y="437"/>
                      <a:pt x="340" y="479"/>
                    </a:cubicBezTo>
                    <a:cubicBezTo>
                      <a:pt x="344" y="483"/>
                      <a:pt x="347" y="490"/>
                      <a:pt x="347" y="495"/>
                    </a:cubicBezTo>
                    <a:cubicBezTo>
                      <a:pt x="348" y="609"/>
                      <a:pt x="348" y="723"/>
                      <a:pt x="348" y="837"/>
                    </a:cubicBezTo>
                    <a:cubicBezTo>
                      <a:pt x="348" y="839"/>
                      <a:pt x="347" y="841"/>
                      <a:pt x="347" y="845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729" tIns="44365" rIns="88729" bIns="44365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747" dirty="0"/>
              </a:p>
            </p:txBody>
          </p:sp>
          <p:sp>
            <p:nvSpPr>
              <p:cNvPr id="35" name="Freeform 11"/>
              <p:cNvSpPr>
                <a:spLocks/>
              </p:cNvSpPr>
              <p:nvPr/>
            </p:nvSpPr>
            <p:spPr bwMode="auto">
              <a:xfrm>
                <a:off x="-3654425" y="-479425"/>
                <a:ext cx="1112838" cy="1114425"/>
              </a:xfrm>
              <a:custGeom>
                <a:avLst/>
                <a:gdLst>
                  <a:gd name="T0" fmla="*/ 297 w 297"/>
                  <a:gd name="T1" fmla="*/ 149 h 297"/>
                  <a:gd name="T2" fmla="*/ 148 w 297"/>
                  <a:gd name="T3" fmla="*/ 296 h 297"/>
                  <a:gd name="T4" fmla="*/ 1 w 297"/>
                  <a:gd name="T5" fmla="*/ 148 h 297"/>
                  <a:gd name="T6" fmla="*/ 150 w 297"/>
                  <a:gd name="T7" fmla="*/ 0 h 297"/>
                  <a:gd name="T8" fmla="*/ 297 w 297"/>
                  <a:gd name="T9" fmla="*/ 149 h 29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297" h="297">
                    <a:moveTo>
                      <a:pt x="297" y="149"/>
                    </a:moveTo>
                    <a:cubicBezTo>
                      <a:pt x="296" y="231"/>
                      <a:pt x="230" y="297"/>
                      <a:pt x="148" y="296"/>
                    </a:cubicBezTo>
                    <a:cubicBezTo>
                      <a:pt x="67" y="296"/>
                      <a:pt x="0" y="230"/>
                      <a:pt x="1" y="148"/>
                    </a:cubicBezTo>
                    <a:cubicBezTo>
                      <a:pt x="1" y="67"/>
                      <a:pt x="68" y="0"/>
                      <a:pt x="150" y="0"/>
                    </a:cubicBezTo>
                    <a:cubicBezTo>
                      <a:pt x="231" y="0"/>
                      <a:pt x="297" y="67"/>
                      <a:pt x="297" y="149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729" tIns="44365" rIns="88729" bIns="44365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747" dirty="0"/>
              </a:p>
            </p:txBody>
          </p:sp>
          <p:sp>
            <p:nvSpPr>
              <p:cNvPr id="36" name="Freeform 12"/>
              <p:cNvSpPr>
                <a:spLocks/>
              </p:cNvSpPr>
              <p:nvPr/>
            </p:nvSpPr>
            <p:spPr bwMode="auto">
              <a:xfrm>
                <a:off x="-4994275" y="-287337"/>
                <a:ext cx="1020763" cy="1019175"/>
              </a:xfrm>
              <a:custGeom>
                <a:avLst/>
                <a:gdLst>
                  <a:gd name="T0" fmla="*/ 0 w 272"/>
                  <a:gd name="T1" fmla="*/ 136 h 272"/>
                  <a:gd name="T2" fmla="*/ 136 w 272"/>
                  <a:gd name="T3" fmla="*/ 0 h 272"/>
                  <a:gd name="T4" fmla="*/ 272 w 272"/>
                  <a:gd name="T5" fmla="*/ 137 h 272"/>
                  <a:gd name="T6" fmla="*/ 136 w 272"/>
                  <a:gd name="T7" fmla="*/ 272 h 272"/>
                  <a:gd name="T8" fmla="*/ 0 w 272"/>
                  <a:gd name="T9" fmla="*/ 136 h 27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272" h="272">
                    <a:moveTo>
                      <a:pt x="0" y="136"/>
                    </a:moveTo>
                    <a:cubicBezTo>
                      <a:pt x="0" y="60"/>
                      <a:pt x="60" y="0"/>
                      <a:pt x="136" y="0"/>
                    </a:cubicBezTo>
                    <a:cubicBezTo>
                      <a:pt x="211" y="0"/>
                      <a:pt x="272" y="62"/>
                      <a:pt x="272" y="137"/>
                    </a:cubicBezTo>
                    <a:cubicBezTo>
                      <a:pt x="271" y="211"/>
                      <a:pt x="210" y="272"/>
                      <a:pt x="136" y="272"/>
                    </a:cubicBezTo>
                    <a:cubicBezTo>
                      <a:pt x="61" y="272"/>
                      <a:pt x="0" y="211"/>
                      <a:pt x="0" y="136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729" tIns="44365" rIns="88729" bIns="44365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747" dirty="0"/>
              </a:p>
            </p:txBody>
          </p:sp>
          <p:sp>
            <p:nvSpPr>
              <p:cNvPr id="37" name="Freeform 13"/>
              <p:cNvSpPr>
                <a:spLocks/>
              </p:cNvSpPr>
              <p:nvPr/>
            </p:nvSpPr>
            <p:spPr bwMode="auto">
              <a:xfrm>
                <a:off x="-2241550" y="-287337"/>
                <a:ext cx="1019175" cy="1019175"/>
              </a:xfrm>
              <a:custGeom>
                <a:avLst/>
                <a:gdLst>
                  <a:gd name="T0" fmla="*/ 0 w 272"/>
                  <a:gd name="T1" fmla="*/ 135 h 272"/>
                  <a:gd name="T2" fmla="*/ 136 w 272"/>
                  <a:gd name="T3" fmla="*/ 0 h 272"/>
                  <a:gd name="T4" fmla="*/ 272 w 272"/>
                  <a:gd name="T5" fmla="*/ 138 h 272"/>
                  <a:gd name="T6" fmla="*/ 137 w 272"/>
                  <a:gd name="T7" fmla="*/ 272 h 272"/>
                  <a:gd name="T8" fmla="*/ 0 w 272"/>
                  <a:gd name="T9" fmla="*/ 135 h 27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272" h="272">
                    <a:moveTo>
                      <a:pt x="0" y="135"/>
                    </a:moveTo>
                    <a:cubicBezTo>
                      <a:pt x="0" y="60"/>
                      <a:pt x="61" y="0"/>
                      <a:pt x="136" y="0"/>
                    </a:cubicBezTo>
                    <a:cubicBezTo>
                      <a:pt x="212" y="0"/>
                      <a:pt x="272" y="61"/>
                      <a:pt x="272" y="138"/>
                    </a:cubicBezTo>
                    <a:cubicBezTo>
                      <a:pt x="271" y="212"/>
                      <a:pt x="210" y="272"/>
                      <a:pt x="137" y="272"/>
                    </a:cubicBezTo>
                    <a:cubicBezTo>
                      <a:pt x="60" y="272"/>
                      <a:pt x="0" y="211"/>
                      <a:pt x="0" y="135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729" tIns="44365" rIns="88729" bIns="44365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747" dirty="0"/>
              </a:p>
            </p:txBody>
          </p:sp>
        </p:grpSp>
      </p:grpSp>
      <p:grpSp>
        <p:nvGrpSpPr>
          <p:cNvPr id="11" name="Group 10"/>
          <p:cNvGrpSpPr/>
          <p:nvPr/>
        </p:nvGrpSpPr>
        <p:grpSpPr>
          <a:xfrm>
            <a:off x="8621789" y="1532996"/>
            <a:ext cx="4019489" cy="2526281"/>
            <a:chOff x="4399433" y="4290173"/>
            <a:chExt cx="4019489" cy="2526281"/>
          </a:xfrm>
        </p:grpSpPr>
        <p:sp>
          <p:nvSpPr>
            <p:cNvPr id="15" name="Rectangle 14"/>
            <p:cNvSpPr/>
            <p:nvPr/>
          </p:nvSpPr>
          <p:spPr>
            <a:xfrm>
              <a:off x="4399433" y="4290173"/>
              <a:ext cx="4019489" cy="2526281"/>
            </a:xfrm>
            <a:prstGeom prst="rect">
              <a:avLst/>
            </a:prstGeom>
            <a:solidFill>
              <a:srgbClr val="AAAAAA"/>
            </a:solidFill>
            <a:ln w="19050">
              <a:solidFill>
                <a:srgbClr val="FFFFFF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88729" tIns="44365" rIns="88729" bIns="133094" rtlCol="0" anchor="b"/>
            <a:lstStyle/>
            <a:p>
              <a:pPr algn="ctr"/>
              <a:r>
                <a:rPr lang="en-US" sz="1600" b="1" dirty="0">
                  <a:solidFill>
                    <a:srgbClr val="FFFFFF"/>
                  </a:solidFill>
                </a:rPr>
                <a:t>Training and Sustainability</a:t>
              </a:r>
            </a:p>
            <a:p>
              <a:pPr algn="ctr"/>
              <a:endParaRPr lang="en-US" sz="1600" b="1" dirty="0">
                <a:solidFill>
                  <a:srgbClr val="FFFFFF"/>
                </a:solidFill>
              </a:endParaRPr>
            </a:p>
            <a:p>
              <a:pPr algn="ctr"/>
              <a:r>
                <a:rPr lang="en-US" sz="1600" dirty="0">
                  <a:solidFill>
                    <a:srgbClr val="FFFFFF"/>
                  </a:solidFill>
                </a:rPr>
                <a:t>Partners will be trained to produce high yield crops, which will help derive benefits from land ownership </a:t>
              </a:r>
            </a:p>
          </p:txBody>
        </p:sp>
        <p:pic>
          <p:nvPicPr>
            <p:cNvPr id="38" name="Picture 37"/>
            <p:cNvPicPr>
              <a:picLocks noChangeAspect="1"/>
            </p:cNvPicPr>
            <p:nvPr/>
          </p:nvPicPr>
          <p:blipFill>
            <a:blip r:embed="rId5" cstate="print">
              <a:duotone>
                <a:prstClr val="black"/>
                <a:schemeClr val="accent1">
                  <a:tint val="45000"/>
                  <a:satMod val="400000"/>
                </a:schemeClr>
              </a:duoton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6070813" y="4644902"/>
              <a:ext cx="676727" cy="676727"/>
            </a:xfrm>
            <a:prstGeom prst="rect">
              <a:avLst/>
            </a:prstGeom>
          </p:spPr>
        </p:pic>
      </p:grpSp>
      <p:grpSp>
        <p:nvGrpSpPr>
          <p:cNvPr id="10" name="Group 9"/>
          <p:cNvGrpSpPr/>
          <p:nvPr/>
        </p:nvGrpSpPr>
        <p:grpSpPr>
          <a:xfrm>
            <a:off x="4406768" y="1538575"/>
            <a:ext cx="4019489" cy="2551365"/>
            <a:chOff x="8574847" y="4317719"/>
            <a:chExt cx="4019489" cy="2551365"/>
          </a:xfrm>
        </p:grpSpPr>
        <p:grpSp>
          <p:nvGrpSpPr>
            <p:cNvPr id="9" name="Group 8"/>
            <p:cNvGrpSpPr/>
            <p:nvPr/>
          </p:nvGrpSpPr>
          <p:grpSpPr>
            <a:xfrm>
              <a:off x="8574847" y="4317719"/>
              <a:ext cx="4019489" cy="2551365"/>
              <a:chOff x="8574847" y="4406927"/>
              <a:chExt cx="4019489" cy="2551365"/>
            </a:xfrm>
          </p:grpSpPr>
          <p:sp>
            <p:nvSpPr>
              <p:cNvPr id="8" name="Rectangle 7"/>
              <p:cNvSpPr/>
              <p:nvPr/>
            </p:nvSpPr>
            <p:spPr>
              <a:xfrm>
                <a:off x="8574847" y="6709272"/>
                <a:ext cx="4019489" cy="249020"/>
              </a:xfrm>
              <a:prstGeom prst="rect">
                <a:avLst/>
              </a:prstGeom>
              <a:solidFill>
                <a:srgbClr val="61B792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36000" tIns="36000" rIns="36000" bIns="36000" rtlCol="0" anchor="ctr"/>
              <a:lstStyle/>
              <a:p>
                <a:pPr algn="ctr"/>
                <a:endParaRPr lang="en-IN" sz="2000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9" name="Rectangle 18"/>
              <p:cNvSpPr/>
              <p:nvPr/>
            </p:nvSpPr>
            <p:spPr>
              <a:xfrm>
                <a:off x="8574847" y="4406927"/>
                <a:ext cx="4019489" cy="2324379"/>
              </a:xfrm>
              <a:prstGeom prst="rect">
                <a:avLst/>
              </a:prstGeom>
              <a:solidFill>
                <a:srgbClr val="61B792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88729" tIns="44365" rIns="88729" bIns="133094" rtlCol="0" anchor="b"/>
              <a:lstStyle/>
              <a:p>
                <a:pPr algn="ctr"/>
                <a:r>
                  <a:rPr lang="en-US" sz="1600" b="1" dirty="0">
                    <a:solidFill>
                      <a:srgbClr val="FFFFFF"/>
                    </a:solidFill>
                  </a:rPr>
                  <a:t>Income stability</a:t>
                </a:r>
              </a:p>
              <a:p>
                <a:pPr algn="ctr"/>
                <a:endParaRPr lang="en-US" sz="1600" b="1" dirty="0">
                  <a:solidFill>
                    <a:srgbClr val="FFFFFF"/>
                  </a:solidFill>
                </a:endParaRPr>
              </a:p>
              <a:p>
                <a:pPr algn="ctr"/>
                <a:r>
                  <a:rPr lang="en-US" sz="1600" dirty="0">
                    <a:solidFill>
                      <a:srgbClr val="FFFFFF"/>
                    </a:solidFill>
                  </a:rPr>
                  <a:t>Assured employment throughout the year and the steady flow of monthly income for the household</a:t>
                </a:r>
              </a:p>
            </p:txBody>
          </p:sp>
        </p:grpSp>
        <p:grpSp>
          <p:nvGrpSpPr>
            <p:cNvPr id="4" name="Group 3"/>
            <p:cNvGrpSpPr/>
            <p:nvPr/>
          </p:nvGrpSpPr>
          <p:grpSpPr>
            <a:xfrm>
              <a:off x="10389488" y="4582710"/>
              <a:ext cx="517017" cy="702156"/>
              <a:chOff x="10417800" y="4525064"/>
              <a:chExt cx="488705" cy="899683"/>
            </a:xfrm>
          </p:grpSpPr>
          <p:sp>
            <p:nvSpPr>
              <p:cNvPr id="39" name="Freeform 278"/>
              <p:cNvSpPr>
                <a:spLocks noChangeAspect="1"/>
              </p:cNvSpPr>
              <p:nvPr/>
            </p:nvSpPr>
            <p:spPr bwMode="gray">
              <a:xfrm>
                <a:off x="10417800" y="4618904"/>
                <a:ext cx="488705" cy="657663"/>
              </a:xfrm>
              <a:custGeom>
                <a:avLst/>
                <a:gdLst/>
                <a:ahLst/>
                <a:cxnLst>
                  <a:cxn ang="0">
                    <a:pos x="1434" y="457"/>
                  </a:cxn>
                  <a:cxn ang="0">
                    <a:pos x="1124" y="550"/>
                  </a:cxn>
                  <a:cxn ang="0">
                    <a:pos x="981" y="328"/>
                  </a:cxn>
                  <a:cxn ang="0">
                    <a:pos x="740" y="257"/>
                  </a:cxn>
                  <a:cxn ang="0">
                    <a:pos x="521" y="330"/>
                  </a:cxn>
                  <a:cxn ang="0">
                    <a:pos x="444" y="498"/>
                  </a:cxn>
                  <a:cxn ang="0">
                    <a:pos x="531" y="664"/>
                  </a:cxn>
                  <a:cxn ang="0">
                    <a:pos x="878" y="812"/>
                  </a:cxn>
                  <a:cxn ang="0">
                    <a:pos x="1220" y="952"/>
                  </a:cxn>
                  <a:cxn ang="0">
                    <a:pos x="1414" y="1131"/>
                  </a:cxn>
                  <a:cxn ang="0">
                    <a:pos x="1488" y="1390"/>
                  </a:cxn>
                  <a:cxn ang="0">
                    <a:pos x="1294" y="1796"/>
                  </a:cxn>
                  <a:cxn ang="0">
                    <a:pos x="749" y="1964"/>
                  </a:cxn>
                  <a:cxn ang="0">
                    <a:pos x="0" y="1434"/>
                  </a:cxn>
                  <a:cxn ang="0">
                    <a:pos x="324" y="1355"/>
                  </a:cxn>
                  <a:cxn ang="0">
                    <a:pos x="766" y="1708"/>
                  </a:cxn>
                  <a:cxn ang="0">
                    <a:pos x="1031" y="1629"/>
                  </a:cxn>
                  <a:cxn ang="0">
                    <a:pos x="1121" y="1434"/>
                  </a:cxn>
                  <a:cxn ang="0">
                    <a:pos x="1059" y="1276"/>
                  </a:cxn>
                  <a:cxn ang="0">
                    <a:pos x="748" y="1122"/>
                  </a:cxn>
                  <a:cxn ang="0">
                    <a:pos x="370" y="976"/>
                  </a:cxn>
                  <a:cxn ang="0">
                    <a:pos x="173" y="800"/>
                  </a:cxn>
                  <a:cxn ang="0">
                    <a:pos x="91" y="534"/>
                  </a:cxn>
                  <a:cxn ang="0">
                    <a:pos x="273" y="154"/>
                  </a:cxn>
                  <a:cxn ang="0">
                    <a:pos x="755" y="0"/>
                  </a:cxn>
                  <a:cxn ang="0">
                    <a:pos x="1434" y="457"/>
                  </a:cxn>
                </a:cxnLst>
                <a:rect l="0" t="0" r="r" b="b"/>
                <a:pathLst>
                  <a:path w="1488" h="1964">
                    <a:moveTo>
                      <a:pt x="1434" y="457"/>
                    </a:moveTo>
                    <a:cubicBezTo>
                      <a:pt x="1124" y="550"/>
                      <a:pt x="1124" y="550"/>
                      <a:pt x="1124" y="550"/>
                    </a:cubicBezTo>
                    <a:cubicBezTo>
                      <a:pt x="1088" y="450"/>
                      <a:pt x="1040" y="376"/>
                      <a:pt x="981" y="328"/>
                    </a:cubicBezTo>
                    <a:cubicBezTo>
                      <a:pt x="922" y="281"/>
                      <a:pt x="842" y="257"/>
                      <a:pt x="740" y="257"/>
                    </a:cubicBezTo>
                    <a:cubicBezTo>
                      <a:pt x="646" y="257"/>
                      <a:pt x="573" y="281"/>
                      <a:pt x="521" y="330"/>
                    </a:cubicBezTo>
                    <a:cubicBezTo>
                      <a:pt x="470" y="378"/>
                      <a:pt x="444" y="434"/>
                      <a:pt x="444" y="498"/>
                    </a:cubicBezTo>
                    <a:cubicBezTo>
                      <a:pt x="444" y="567"/>
                      <a:pt x="473" y="623"/>
                      <a:pt x="531" y="664"/>
                    </a:cubicBezTo>
                    <a:cubicBezTo>
                      <a:pt x="589" y="705"/>
                      <a:pt x="705" y="755"/>
                      <a:pt x="878" y="812"/>
                    </a:cubicBezTo>
                    <a:cubicBezTo>
                      <a:pt x="1026" y="861"/>
                      <a:pt x="1140" y="908"/>
                      <a:pt x="1220" y="952"/>
                    </a:cubicBezTo>
                    <a:cubicBezTo>
                      <a:pt x="1300" y="997"/>
                      <a:pt x="1364" y="1056"/>
                      <a:pt x="1414" y="1131"/>
                    </a:cubicBezTo>
                    <a:cubicBezTo>
                      <a:pt x="1463" y="1205"/>
                      <a:pt x="1488" y="1291"/>
                      <a:pt x="1488" y="1390"/>
                    </a:cubicBezTo>
                    <a:cubicBezTo>
                      <a:pt x="1488" y="1549"/>
                      <a:pt x="1423" y="1684"/>
                      <a:pt x="1294" y="1796"/>
                    </a:cubicBezTo>
                    <a:cubicBezTo>
                      <a:pt x="1164" y="1908"/>
                      <a:pt x="982" y="1964"/>
                      <a:pt x="749" y="1964"/>
                    </a:cubicBezTo>
                    <a:cubicBezTo>
                      <a:pt x="346" y="1964"/>
                      <a:pt x="96" y="1787"/>
                      <a:pt x="0" y="1434"/>
                    </a:cubicBezTo>
                    <a:cubicBezTo>
                      <a:pt x="324" y="1355"/>
                      <a:pt x="324" y="1355"/>
                      <a:pt x="324" y="1355"/>
                    </a:cubicBezTo>
                    <a:cubicBezTo>
                      <a:pt x="381" y="1590"/>
                      <a:pt x="528" y="1708"/>
                      <a:pt x="766" y="1708"/>
                    </a:cubicBezTo>
                    <a:cubicBezTo>
                      <a:pt x="882" y="1708"/>
                      <a:pt x="970" y="1681"/>
                      <a:pt x="1031" y="1629"/>
                    </a:cubicBezTo>
                    <a:cubicBezTo>
                      <a:pt x="1091" y="1576"/>
                      <a:pt x="1121" y="1511"/>
                      <a:pt x="1121" y="1434"/>
                    </a:cubicBezTo>
                    <a:cubicBezTo>
                      <a:pt x="1121" y="1377"/>
                      <a:pt x="1100" y="1325"/>
                      <a:pt x="1059" y="1276"/>
                    </a:cubicBezTo>
                    <a:cubicBezTo>
                      <a:pt x="1017" y="1228"/>
                      <a:pt x="914" y="1176"/>
                      <a:pt x="748" y="1122"/>
                    </a:cubicBezTo>
                    <a:cubicBezTo>
                      <a:pt x="574" y="1064"/>
                      <a:pt x="448" y="1016"/>
                      <a:pt x="370" y="976"/>
                    </a:cubicBezTo>
                    <a:cubicBezTo>
                      <a:pt x="293" y="936"/>
                      <a:pt x="227" y="877"/>
                      <a:pt x="173" y="800"/>
                    </a:cubicBezTo>
                    <a:cubicBezTo>
                      <a:pt x="118" y="722"/>
                      <a:pt x="91" y="633"/>
                      <a:pt x="91" y="534"/>
                    </a:cubicBezTo>
                    <a:cubicBezTo>
                      <a:pt x="91" y="384"/>
                      <a:pt x="152" y="257"/>
                      <a:pt x="273" y="154"/>
                    </a:cubicBezTo>
                    <a:cubicBezTo>
                      <a:pt x="394" y="51"/>
                      <a:pt x="554" y="0"/>
                      <a:pt x="755" y="0"/>
                    </a:cubicBezTo>
                    <a:cubicBezTo>
                      <a:pt x="1110" y="0"/>
                      <a:pt x="1336" y="152"/>
                      <a:pt x="1434" y="457"/>
                    </a:cubicBezTo>
                    <a:close/>
                  </a:path>
                </a:pathLst>
              </a:custGeom>
              <a:solidFill>
                <a:srgbClr val="FFFFFF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en-CA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40" name="Freeform 279"/>
              <p:cNvSpPr>
                <a:spLocks noChangeAspect="1"/>
              </p:cNvSpPr>
              <p:nvPr/>
            </p:nvSpPr>
            <p:spPr bwMode="gray">
              <a:xfrm>
                <a:off x="10608376" y="4525064"/>
                <a:ext cx="51443" cy="899683"/>
              </a:xfrm>
              <a:custGeom>
                <a:avLst/>
                <a:gdLst/>
                <a:ahLst/>
                <a:cxnLst>
                  <a:cxn ang="0">
                    <a:pos x="154" y="2624"/>
                  </a:cxn>
                  <a:cxn ang="0">
                    <a:pos x="118" y="2680"/>
                  </a:cxn>
                  <a:cxn ang="0">
                    <a:pos x="35" y="2680"/>
                  </a:cxn>
                  <a:cxn ang="0">
                    <a:pos x="0" y="2624"/>
                  </a:cxn>
                  <a:cxn ang="0">
                    <a:pos x="0" y="56"/>
                  </a:cxn>
                  <a:cxn ang="0">
                    <a:pos x="35" y="0"/>
                  </a:cxn>
                  <a:cxn ang="0">
                    <a:pos x="118" y="0"/>
                  </a:cxn>
                  <a:cxn ang="0">
                    <a:pos x="154" y="56"/>
                  </a:cxn>
                  <a:cxn ang="0">
                    <a:pos x="154" y="2624"/>
                  </a:cxn>
                </a:cxnLst>
                <a:rect l="0" t="0" r="r" b="b"/>
                <a:pathLst>
                  <a:path w="154" h="2680">
                    <a:moveTo>
                      <a:pt x="154" y="2624"/>
                    </a:moveTo>
                    <a:cubicBezTo>
                      <a:pt x="154" y="2655"/>
                      <a:pt x="138" y="2680"/>
                      <a:pt x="118" y="2680"/>
                    </a:cubicBezTo>
                    <a:cubicBezTo>
                      <a:pt x="35" y="2680"/>
                      <a:pt x="35" y="2680"/>
                      <a:pt x="35" y="2680"/>
                    </a:cubicBezTo>
                    <a:cubicBezTo>
                      <a:pt x="16" y="2680"/>
                      <a:pt x="0" y="2655"/>
                      <a:pt x="0" y="2624"/>
                    </a:cubicBezTo>
                    <a:cubicBezTo>
                      <a:pt x="0" y="56"/>
                      <a:pt x="0" y="56"/>
                      <a:pt x="0" y="56"/>
                    </a:cubicBezTo>
                    <a:cubicBezTo>
                      <a:pt x="0" y="25"/>
                      <a:pt x="16" y="0"/>
                      <a:pt x="35" y="0"/>
                    </a:cubicBezTo>
                    <a:cubicBezTo>
                      <a:pt x="118" y="0"/>
                      <a:pt x="118" y="0"/>
                      <a:pt x="118" y="0"/>
                    </a:cubicBezTo>
                    <a:cubicBezTo>
                      <a:pt x="138" y="0"/>
                      <a:pt x="154" y="25"/>
                      <a:pt x="154" y="56"/>
                    </a:cubicBezTo>
                    <a:lnTo>
                      <a:pt x="154" y="2624"/>
                    </a:lnTo>
                    <a:close/>
                  </a:path>
                </a:pathLst>
              </a:custGeom>
              <a:solidFill>
                <a:srgbClr val="FFFFFF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en-CA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41" name="Freeform 280"/>
              <p:cNvSpPr>
                <a:spLocks noChangeAspect="1"/>
              </p:cNvSpPr>
              <p:nvPr/>
            </p:nvSpPr>
            <p:spPr bwMode="gray">
              <a:xfrm>
                <a:off x="10699717" y="4525064"/>
                <a:ext cx="51443" cy="899683"/>
              </a:xfrm>
              <a:custGeom>
                <a:avLst/>
                <a:gdLst/>
                <a:ahLst/>
                <a:cxnLst>
                  <a:cxn ang="0">
                    <a:pos x="155" y="2624"/>
                  </a:cxn>
                  <a:cxn ang="0">
                    <a:pos x="119" y="2680"/>
                  </a:cxn>
                  <a:cxn ang="0">
                    <a:pos x="36" y="2680"/>
                  </a:cxn>
                  <a:cxn ang="0">
                    <a:pos x="0" y="2624"/>
                  </a:cxn>
                  <a:cxn ang="0">
                    <a:pos x="0" y="56"/>
                  </a:cxn>
                  <a:cxn ang="0">
                    <a:pos x="36" y="0"/>
                  </a:cxn>
                  <a:cxn ang="0">
                    <a:pos x="119" y="0"/>
                  </a:cxn>
                  <a:cxn ang="0">
                    <a:pos x="155" y="56"/>
                  </a:cxn>
                  <a:cxn ang="0">
                    <a:pos x="155" y="2624"/>
                  </a:cxn>
                </a:cxnLst>
                <a:rect l="0" t="0" r="r" b="b"/>
                <a:pathLst>
                  <a:path w="155" h="2680">
                    <a:moveTo>
                      <a:pt x="155" y="2624"/>
                    </a:moveTo>
                    <a:cubicBezTo>
                      <a:pt x="155" y="2655"/>
                      <a:pt x="138" y="2680"/>
                      <a:pt x="119" y="2680"/>
                    </a:cubicBezTo>
                    <a:cubicBezTo>
                      <a:pt x="36" y="2680"/>
                      <a:pt x="36" y="2680"/>
                      <a:pt x="36" y="2680"/>
                    </a:cubicBezTo>
                    <a:cubicBezTo>
                      <a:pt x="16" y="2680"/>
                      <a:pt x="0" y="2655"/>
                      <a:pt x="0" y="2624"/>
                    </a:cubicBezTo>
                    <a:cubicBezTo>
                      <a:pt x="0" y="56"/>
                      <a:pt x="0" y="56"/>
                      <a:pt x="0" y="56"/>
                    </a:cubicBezTo>
                    <a:cubicBezTo>
                      <a:pt x="0" y="25"/>
                      <a:pt x="16" y="0"/>
                      <a:pt x="36" y="0"/>
                    </a:cubicBezTo>
                    <a:cubicBezTo>
                      <a:pt x="119" y="0"/>
                      <a:pt x="119" y="0"/>
                      <a:pt x="119" y="0"/>
                    </a:cubicBezTo>
                    <a:cubicBezTo>
                      <a:pt x="138" y="0"/>
                      <a:pt x="155" y="25"/>
                      <a:pt x="155" y="56"/>
                    </a:cubicBezTo>
                    <a:lnTo>
                      <a:pt x="155" y="2624"/>
                    </a:lnTo>
                    <a:close/>
                  </a:path>
                </a:pathLst>
              </a:custGeom>
              <a:solidFill>
                <a:srgbClr val="FFFFFF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endParaRPr lang="en-CA" dirty="0">
                  <a:solidFill>
                    <a:srgbClr val="000000"/>
                  </a:solidFill>
                </a:endParaRPr>
              </a:p>
            </p:txBody>
          </p:sp>
        </p:grpSp>
      </p:grpSp>
      <p:sp>
        <p:nvSpPr>
          <p:cNvPr id="42" name="Rectangle 41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grpSp>
        <p:nvGrpSpPr>
          <p:cNvPr id="5" name="Group 4"/>
          <p:cNvGrpSpPr/>
          <p:nvPr/>
        </p:nvGrpSpPr>
        <p:grpSpPr>
          <a:xfrm>
            <a:off x="4406767" y="4203920"/>
            <a:ext cx="4019489" cy="2581846"/>
            <a:chOff x="4406768" y="1497914"/>
            <a:chExt cx="4019489" cy="2581846"/>
          </a:xfrm>
        </p:grpSpPr>
        <p:sp>
          <p:nvSpPr>
            <p:cNvPr id="3" name="Rectangle 2"/>
            <p:cNvSpPr/>
            <p:nvPr/>
          </p:nvSpPr>
          <p:spPr>
            <a:xfrm>
              <a:off x="4406768" y="1553479"/>
              <a:ext cx="4019489" cy="2526281"/>
            </a:xfrm>
            <a:prstGeom prst="rect">
              <a:avLst/>
            </a:prstGeom>
            <a:solidFill>
              <a:srgbClr val="007932"/>
            </a:solidFill>
            <a:ln w="19050">
              <a:solidFill>
                <a:srgbClr val="FFFFFF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88729" tIns="44365" rIns="88729" bIns="133094" rtlCol="0" anchor="b"/>
            <a:lstStyle/>
            <a:p>
              <a:pPr algn="ctr"/>
              <a:r>
                <a:rPr lang="en-US" sz="1600" b="1" dirty="0">
                  <a:solidFill>
                    <a:srgbClr val="FFFFFF"/>
                  </a:solidFill>
                </a:rPr>
                <a:t>Land Ownership</a:t>
              </a:r>
            </a:p>
            <a:p>
              <a:pPr algn="ctr"/>
              <a:endParaRPr lang="en-US" sz="1600" b="1" dirty="0">
                <a:solidFill>
                  <a:srgbClr val="FFFFFF"/>
                </a:solidFill>
              </a:endParaRPr>
            </a:p>
            <a:p>
              <a:pPr algn="ctr"/>
              <a:r>
                <a:rPr lang="en-US" sz="1600" dirty="0">
                  <a:solidFill>
                    <a:srgbClr val="FFFFFF"/>
                  </a:solidFill>
                </a:rPr>
                <a:t>Partners turn from being landless to owning sufficient amount of land, to ensure self sustainability</a:t>
              </a:r>
            </a:p>
          </p:txBody>
        </p:sp>
        <p:pic>
          <p:nvPicPr>
            <p:cNvPr id="2050" name="Picture 2" descr="https://static.thenounproject.com/png/2121014-200.png"/>
            <p:cNvPicPr>
              <a:picLocks noChangeAspect="1" noChangeArrowheads="1"/>
            </p:cNvPicPr>
            <p:nvPr/>
          </p:nvPicPr>
          <p:blipFill>
            <a:blip r:embed="rId6">
              <a:lum bright="70000" contrast="-70000"/>
              <a:extLst>
                <a:ext uri="{BEBA8EAE-BF5A-486C-A8C5-ECC9F3942E4B}">
                  <a14:imgProps xmlns:a14="http://schemas.microsoft.com/office/drawing/2010/main">
                    <a14:imgLayer r:embed="rId7">
                      <a14:imgEffect>
                        <a14:brightnessContrast bright="-40000" contrast="-20000"/>
                      </a14:imgEffect>
                    </a14:imgLayer>
                  </a14:imgProps>
                </a:ex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5660032" y="1497914"/>
              <a:ext cx="1419933" cy="1419933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  <p:sp>
        <p:nvSpPr>
          <p:cNvPr id="6" name="TextBox 5"/>
          <p:cNvSpPr txBox="1"/>
          <p:nvPr/>
        </p:nvSpPr>
        <p:spPr>
          <a:xfrm>
            <a:off x="355332" y="3238673"/>
            <a:ext cx="3855904" cy="719034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algn="ctr"/>
            <a:r>
              <a:rPr lang="en-IN" sz="1400" dirty="0">
                <a:cs typeface="Calibri" panose="020F0502020204030204" pitchFamily="34" charset="0"/>
              </a:rPr>
              <a:t>Increase in effective farmer income through combination of higher monthly salary and land ownership</a:t>
            </a:r>
          </a:p>
        </p:txBody>
      </p:sp>
      <p:sp>
        <p:nvSpPr>
          <p:cNvPr id="43" name="TextBox 42"/>
          <p:cNvSpPr txBox="1"/>
          <p:nvPr/>
        </p:nvSpPr>
        <p:spPr>
          <a:xfrm>
            <a:off x="627962" y="4397822"/>
            <a:ext cx="2897420" cy="1065113"/>
          </a:xfrm>
          <a:prstGeom prst="rect">
            <a:avLst/>
          </a:prstGeom>
          <a:noFill/>
        </p:spPr>
        <p:txBody>
          <a:bodyPr wrap="square" lIns="44365" rIns="44365" rtlCol="0">
            <a:prstTxWarp prst="textPlain">
              <a:avLst/>
            </a:prstTxWarp>
            <a:spAutoFit/>
          </a:bodyPr>
          <a:lstStyle/>
          <a:p>
            <a:pPr algn="ctr"/>
            <a:r>
              <a:rPr lang="en-US" sz="4658" b="1" dirty="0">
                <a:solidFill>
                  <a:srgbClr val="009051"/>
                </a:solidFill>
              </a:rPr>
              <a:t>&gt;3000</a:t>
            </a:r>
          </a:p>
        </p:txBody>
      </p:sp>
      <p:sp>
        <p:nvSpPr>
          <p:cNvPr id="45" name="TextBox 44"/>
          <p:cNvSpPr txBox="1"/>
          <p:nvPr/>
        </p:nvSpPr>
        <p:spPr>
          <a:xfrm>
            <a:off x="355332" y="5535405"/>
            <a:ext cx="3855904" cy="503590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algn="ctr"/>
            <a:r>
              <a:rPr lang="en-IN" sz="1400" dirty="0">
                <a:cs typeface="Calibri" panose="020F0502020204030204" pitchFamily="34" charset="0"/>
              </a:rPr>
              <a:t>Farmers impacted over 5 rounds of funding</a:t>
            </a:r>
          </a:p>
        </p:txBody>
      </p:sp>
      <p:sp>
        <p:nvSpPr>
          <p:cNvPr id="46" name="Rectangle 45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379928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 advTm="40336"/>
    </mc:Choice>
    <mc:Fallback xmlns="">
      <p:transition spd="slow" advTm="40336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7" dur="500" fill="hold"/>
                                        <p:tgtEl>
                                          <p:spTgt spid="26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" dur="500" fill="hold"/>
                                        <p:tgtEl>
                                          <p:spTgt spid="26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9" dur="500"/>
                                        <p:tgtEl>
                                          <p:spTgt spid="2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0" presetID="53" presetClass="entr" presetSubtype="16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12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3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14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53" presetClass="entr" presetSubtype="1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19" dur="500" fill="hold"/>
                                        <p:tgtEl>
                                          <p:spTgt spid="43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0" dur="500" fill="hold"/>
                                        <p:tgtEl>
                                          <p:spTgt spid="43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21" dur="500"/>
                                        <p:tgtEl>
                                          <p:spTgt spid="4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2" presetID="53" presetClass="entr" presetSubtype="16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24" dur="500" fill="hold"/>
                                        <p:tgtEl>
                                          <p:spTgt spid="45"/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5" dur="500" fill="hold"/>
                                        <p:tgtEl>
                                          <p:spTgt spid="45"/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26" dur="500"/>
                                        <p:tgtEl>
                                          <p:spTgt spid="4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1" fill="hold">
                      <p:stCondLst>
                        <p:cond delay="indefinite"/>
                      </p:stCondLst>
                      <p:childTnLst>
                        <p:par>
                          <p:cTn id="32" fill="hold">
                            <p:stCondLst>
                              <p:cond delay="0"/>
                            </p:stCondLst>
                            <p:childTnLst>
                              <p:par>
                                <p:cTn id="3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5" fill="hold">
                      <p:stCondLst>
                        <p:cond delay="indefinite"/>
                      </p:stCondLst>
                      <p:childTnLst>
                        <p:par>
                          <p:cTn id="36" fill="hold">
                            <p:stCondLst>
                              <p:cond delay="0"/>
                            </p:stCondLst>
                            <p:childTnLst>
                              <p:par>
                                <p:cTn id="3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9" fill="hold">
                      <p:stCondLst>
                        <p:cond delay="indefinite"/>
                      </p:stCondLst>
                      <p:childTnLst>
                        <p:par>
                          <p:cTn id="40" fill="hold">
                            <p:stCondLst>
                              <p:cond delay="0"/>
                            </p:stCondLst>
                            <p:childTnLst>
                              <p:par>
                                <p:cTn id="4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6" grpId="0"/>
      <p:bldP spid="6" grpId="0"/>
      <p:bldP spid="43" grpId="0"/>
      <p:bldP spid="45" grpId="0"/>
    </p:bld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" name="BainBulletsConfiguration" hidden="1"/>
          <p:cNvSpPr txBox="1"/>
          <p:nvPr/>
        </p:nvSpPr>
        <p:spPr>
          <a:xfrm>
            <a:off x="1712288" y="12323"/>
            <a:ext cx="8626466" cy="107722"/>
          </a:xfrm>
          <a:prstGeom prst="rect">
            <a:avLst/>
          </a:prstGeom>
          <a:noFill/>
        </p:spPr>
        <p:txBody>
          <a:bodyPr vert="horz" wrap="square" lIns="44365" rIns="44365" rtlCol="0">
            <a:spAutoFit/>
          </a:bodyPr>
          <a:lstStyle/>
          <a:p>
            <a:r>
              <a:rPr lang="en-US" sz="100" dirty="0">
                <a:solidFill>
                  <a:srgbClr val="FFFFFF"/>
                </a:solidFill>
              </a:rPr>
              <a:t>27_84 28_84 31_84</a:t>
            </a:r>
          </a:p>
        </p:txBody>
      </p:sp>
      <p:sp>
        <p:nvSpPr>
          <p:cNvPr id="30" name="Right Arrow 29"/>
          <p:cNvSpPr/>
          <p:nvPr/>
        </p:nvSpPr>
        <p:spPr>
          <a:xfrm>
            <a:off x="5570887" y="5651740"/>
            <a:ext cx="1017110" cy="1166408"/>
          </a:xfrm>
          <a:prstGeom prst="rightArrow">
            <a:avLst>
              <a:gd name="adj1" fmla="val 75688"/>
              <a:gd name="adj2" fmla="val 50000"/>
            </a:avLst>
          </a:prstGeom>
          <a:solidFill>
            <a:srgbClr val="FFFFFF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4365" tIns="44365" rIns="44365" bIns="44365" rtlCol="0" anchor="ctr"/>
          <a:lstStyle/>
          <a:p>
            <a:pPr algn="ctr"/>
            <a:endParaRPr lang="en-US" sz="1941" dirty="0">
              <a:solidFill>
                <a:srgbClr val="000000"/>
              </a:solidFill>
            </a:endParaRPr>
          </a:p>
        </p:txBody>
      </p:sp>
      <p:sp>
        <p:nvSpPr>
          <p:cNvPr id="19" name="Title 1">
            <a:extLst>
              <a:ext uri="{FF2B5EF4-FFF2-40B4-BE49-F238E27FC236}">
                <a16:creationId xmlns:a16="http://schemas.microsoft.com/office/drawing/2014/main" id="{5E555FDA-F4B6-2245-A92A-E847FDFB68C9}"/>
              </a:ext>
            </a:extLst>
          </p:cNvPr>
          <p:cNvSpPr txBox="1">
            <a:spLocks/>
          </p:cNvSpPr>
          <p:nvPr/>
        </p:nvSpPr>
        <p:spPr bwMode="gray">
          <a:xfrm>
            <a:off x="236498" y="271243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several of the sustainable development goals</a:t>
            </a:r>
            <a:r>
              <a:rPr lang="en-US" sz="2400" b="1" dirty="0">
                <a:solidFill>
                  <a:srgbClr val="009051"/>
                </a:solidFill>
              </a:rPr>
              <a:t> </a:t>
            </a:r>
            <a:r>
              <a:rPr lang="en-US" sz="3300" b="1" dirty="0">
                <a:solidFill>
                  <a:srgbClr val="009051"/>
                </a:solidFill>
              </a:rPr>
              <a:t>Set by the un have also been addressed</a:t>
            </a:r>
            <a:endParaRPr lang="en-US" sz="2400" b="1" dirty="0">
              <a:solidFill>
                <a:srgbClr val="009051"/>
              </a:solidFill>
            </a:endParaRPr>
          </a:p>
        </p:txBody>
      </p:sp>
      <p:sp>
        <p:nvSpPr>
          <p:cNvPr id="20" name="Rectangle 19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63" name="Rectangle 62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grpSp>
        <p:nvGrpSpPr>
          <p:cNvPr id="9" name="Group 8"/>
          <p:cNvGrpSpPr/>
          <p:nvPr/>
        </p:nvGrpSpPr>
        <p:grpSpPr>
          <a:xfrm>
            <a:off x="3695225" y="1810073"/>
            <a:ext cx="4768434" cy="4678873"/>
            <a:chOff x="229486" y="1150100"/>
            <a:chExt cx="5805888" cy="5721130"/>
          </a:xfrm>
        </p:grpSpPr>
        <p:pic>
          <p:nvPicPr>
            <p:cNvPr id="1030" name="Picture 6" descr="Image result for un sdgs"/>
            <p:cNvPicPr>
              <a:picLocks noChangeAspect="1" noChangeArrowheads="1"/>
            </p:cNvPicPr>
            <p:nvPr/>
          </p:nvPicPr>
          <p:blipFill rotWithShape="1">
            <a:blip r:embed="rId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18254" t="2750" r="18434" b="3669"/>
            <a:stretch/>
          </p:blipFill>
          <p:spPr bwMode="auto">
            <a:xfrm>
              <a:off x="229486" y="1150100"/>
              <a:ext cx="5805888" cy="5721130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3" name="Rectangle 2"/>
            <p:cNvSpPr/>
            <p:nvPr/>
          </p:nvSpPr>
          <p:spPr>
            <a:xfrm>
              <a:off x="1942608" y="3191042"/>
              <a:ext cx="2379643" cy="1916935"/>
            </a:xfrm>
            <a:prstGeom prst="rect">
              <a:avLst/>
            </a:prstGeom>
            <a:solidFill>
              <a:schemeClr val="bg2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endParaRPr lang="en-IN" sz="2000" dirty="0">
                <a:solidFill>
                  <a:schemeClr val="tx1"/>
                </a:solidFill>
              </a:endParaRPr>
            </a:p>
          </p:txBody>
        </p:sp>
      </p:grpSp>
      <p:cxnSp>
        <p:nvCxnSpPr>
          <p:cNvPr id="12" name="Elbow Connector 11"/>
          <p:cNvCxnSpPr/>
          <p:nvPr/>
        </p:nvCxnSpPr>
        <p:spPr>
          <a:xfrm flipV="1">
            <a:off x="6582961" y="1516283"/>
            <a:ext cx="3574590" cy="433704"/>
          </a:xfrm>
          <a:prstGeom prst="bentConnector3">
            <a:avLst>
              <a:gd name="adj1" fmla="val -853"/>
            </a:avLst>
          </a:prstGeom>
          <a:ln w="19050">
            <a:solidFill>
              <a:srgbClr val="E63549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6" name="TextBox 15"/>
          <p:cNvSpPr txBox="1"/>
          <p:nvPr/>
        </p:nvSpPr>
        <p:spPr>
          <a:xfrm>
            <a:off x="7880005" y="1549332"/>
            <a:ext cx="2289600" cy="303536"/>
          </a:xfrm>
          <a:prstGeom prst="rect">
            <a:avLst/>
          </a:prstGeom>
          <a:solidFill>
            <a:schemeClr val="accent5">
              <a:lumMod val="20000"/>
              <a:lumOff val="80000"/>
            </a:schemeClr>
          </a:solidFill>
        </p:spPr>
        <p:txBody>
          <a:bodyPr wrap="square" lIns="36000" tIns="36000" rIns="36000" bIns="36000" rtlCol="0">
            <a:spAutoFit/>
          </a:bodyPr>
          <a:lstStyle/>
          <a:p>
            <a:r>
              <a:rPr lang="en-IN" sz="15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Goal #1: No Poverty</a:t>
            </a:r>
          </a:p>
        </p:txBody>
      </p:sp>
      <p:sp>
        <p:nvSpPr>
          <p:cNvPr id="23" name="Rectangle 22"/>
          <p:cNvSpPr/>
          <p:nvPr/>
        </p:nvSpPr>
        <p:spPr>
          <a:xfrm>
            <a:off x="7880005" y="1512353"/>
            <a:ext cx="2288563" cy="45719"/>
          </a:xfrm>
          <a:prstGeom prst="rect">
            <a:avLst/>
          </a:prstGeom>
          <a:solidFill>
            <a:srgbClr val="E63549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cxnSp>
        <p:nvCxnSpPr>
          <p:cNvPr id="27" name="Straight Connector 26"/>
          <p:cNvCxnSpPr/>
          <p:nvPr/>
        </p:nvCxnSpPr>
        <p:spPr>
          <a:xfrm flipV="1">
            <a:off x="7392318" y="2309879"/>
            <a:ext cx="3139808" cy="0"/>
          </a:xfrm>
          <a:prstGeom prst="line">
            <a:avLst/>
          </a:prstGeom>
          <a:ln w="19050">
            <a:solidFill>
              <a:srgbClr val="DCB14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8" name="Rectangle 27"/>
          <p:cNvSpPr/>
          <p:nvPr/>
        </p:nvSpPr>
        <p:spPr>
          <a:xfrm>
            <a:off x="8075364" y="2302525"/>
            <a:ext cx="2544896" cy="46800"/>
          </a:xfrm>
          <a:prstGeom prst="rect">
            <a:avLst/>
          </a:prstGeom>
          <a:solidFill>
            <a:srgbClr val="DCB140"/>
          </a:solidFill>
          <a:ln w="19050">
            <a:solidFill>
              <a:srgbClr val="DCB14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38" name="TextBox 37"/>
          <p:cNvSpPr txBox="1"/>
          <p:nvPr/>
        </p:nvSpPr>
        <p:spPr>
          <a:xfrm>
            <a:off x="8086380" y="2362722"/>
            <a:ext cx="2544897" cy="303536"/>
          </a:xfrm>
          <a:prstGeom prst="rect">
            <a:avLst/>
          </a:prstGeom>
          <a:solidFill>
            <a:schemeClr val="accent5">
              <a:lumMod val="20000"/>
              <a:lumOff val="80000"/>
            </a:schemeClr>
          </a:solidFill>
        </p:spPr>
        <p:txBody>
          <a:bodyPr wrap="square" lIns="36000" tIns="36000" rIns="36000" bIns="36000" rtlCol="0">
            <a:spAutoFit/>
          </a:bodyPr>
          <a:lstStyle/>
          <a:p>
            <a:r>
              <a:rPr lang="en-IN" sz="15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Goal #2: Zero hunger</a:t>
            </a:r>
          </a:p>
        </p:txBody>
      </p:sp>
      <p:cxnSp>
        <p:nvCxnSpPr>
          <p:cNvPr id="40" name="Straight Connector 39"/>
          <p:cNvCxnSpPr/>
          <p:nvPr/>
        </p:nvCxnSpPr>
        <p:spPr>
          <a:xfrm flipV="1">
            <a:off x="8359966" y="4216150"/>
            <a:ext cx="3139808" cy="0"/>
          </a:xfrm>
          <a:prstGeom prst="line">
            <a:avLst/>
          </a:prstGeom>
          <a:ln w="19050">
            <a:solidFill>
              <a:srgbClr val="EA4F3B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1" name="Rectangle 40"/>
          <p:cNvSpPr/>
          <p:nvPr/>
        </p:nvSpPr>
        <p:spPr>
          <a:xfrm>
            <a:off x="9043012" y="4208796"/>
            <a:ext cx="2790000" cy="46800"/>
          </a:xfrm>
          <a:prstGeom prst="rect">
            <a:avLst/>
          </a:prstGeom>
          <a:solidFill>
            <a:srgbClr val="EA4F3B"/>
          </a:solidFill>
          <a:ln w="19050">
            <a:solidFill>
              <a:srgbClr val="EA4F3B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42" name="TextBox 41"/>
          <p:cNvSpPr txBox="1"/>
          <p:nvPr/>
        </p:nvSpPr>
        <p:spPr>
          <a:xfrm>
            <a:off x="9043011" y="4268993"/>
            <a:ext cx="2789105" cy="303536"/>
          </a:xfrm>
          <a:prstGeom prst="rect">
            <a:avLst/>
          </a:prstGeom>
          <a:solidFill>
            <a:schemeClr val="accent5">
              <a:lumMod val="20000"/>
              <a:lumOff val="80000"/>
            </a:schemeClr>
          </a:solidFill>
          <a:ln>
            <a:solidFill>
              <a:srgbClr val="E4E4E4"/>
            </a:solidFill>
          </a:ln>
        </p:spPr>
        <p:txBody>
          <a:bodyPr wrap="square" lIns="36000" tIns="36000" rIns="36000" bIns="36000" rtlCol="0">
            <a:spAutoFit/>
          </a:bodyPr>
          <a:lstStyle/>
          <a:p>
            <a:r>
              <a:rPr lang="en-IN" sz="15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Goal #5: Gender Equality</a:t>
            </a:r>
          </a:p>
        </p:txBody>
      </p:sp>
      <p:cxnSp>
        <p:nvCxnSpPr>
          <p:cNvPr id="36" name="Elbow Connector 35"/>
          <p:cNvCxnSpPr/>
          <p:nvPr/>
        </p:nvCxnSpPr>
        <p:spPr>
          <a:xfrm>
            <a:off x="7056654" y="6235545"/>
            <a:ext cx="3100897" cy="187287"/>
          </a:xfrm>
          <a:prstGeom prst="bentConnector3">
            <a:avLst>
              <a:gd name="adj1" fmla="val -94"/>
            </a:avLst>
          </a:prstGeom>
          <a:ln w="19050">
            <a:solidFill>
              <a:srgbClr val="9E1C4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54" name="Rectangle 53"/>
          <p:cNvSpPr/>
          <p:nvPr/>
        </p:nvSpPr>
        <p:spPr>
          <a:xfrm>
            <a:off x="7577770" y="6422832"/>
            <a:ext cx="5068800" cy="46800"/>
          </a:xfrm>
          <a:prstGeom prst="rect">
            <a:avLst/>
          </a:prstGeom>
          <a:solidFill>
            <a:srgbClr val="9E1C48"/>
          </a:solidFill>
          <a:ln w="19050">
            <a:solidFill>
              <a:srgbClr val="9E1C48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55" name="TextBox 54"/>
          <p:cNvSpPr txBox="1"/>
          <p:nvPr/>
        </p:nvSpPr>
        <p:spPr>
          <a:xfrm>
            <a:off x="7577769" y="6483029"/>
            <a:ext cx="5069598" cy="303536"/>
          </a:xfrm>
          <a:prstGeom prst="rect">
            <a:avLst/>
          </a:prstGeom>
          <a:solidFill>
            <a:schemeClr val="accent5">
              <a:lumMod val="20000"/>
              <a:lumOff val="80000"/>
            </a:schemeClr>
          </a:solidFill>
          <a:ln>
            <a:solidFill>
              <a:srgbClr val="E4E4E4"/>
            </a:solidFill>
          </a:ln>
        </p:spPr>
        <p:txBody>
          <a:bodyPr wrap="square" lIns="36000" tIns="36000" rIns="36000" bIns="36000" rtlCol="0">
            <a:spAutoFit/>
          </a:bodyPr>
          <a:lstStyle/>
          <a:p>
            <a:r>
              <a:rPr lang="en-IN" sz="15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Goal #8: Decent Work and Economic Growth</a:t>
            </a:r>
          </a:p>
        </p:txBody>
      </p:sp>
      <p:cxnSp>
        <p:nvCxnSpPr>
          <p:cNvPr id="50" name="Elbow Connector 49"/>
          <p:cNvCxnSpPr/>
          <p:nvPr/>
        </p:nvCxnSpPr>
        <p:spPr>
          <a:xfrm rot="10800000">
            <a:off x="2005071" y="1512353"/>
            <a:ext cx="3565817" cy="437634"/>
          </a:xfrm>
          <a:prstGeom prst="bentConnector3">
            <a:avLst>
              <a:gd name="adj1" fmla="val -978"/>
            </a:avLst>
          </a:prstGeom>
          <a:ln w="19050">
            <a:solidFill>
              <a:srgbClr val="0A4E6D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2" name="TextBox 61"/>
          <p:cNvSpPr txBox="1"/>
          <p:nvPr/>
        </p:nvSpPr>
        <p:spPr>
          <a:xfrm>
            <a:off x="2001332" y="1560768"/>
            <a:ext cx="2614736" cy="303536"/>
          </a:xfrm>
          <a:prstGeom prst="rect">
            <a:avLst/>
          </a:prstGeom>
          <a:solidFill>
            <a:schemeClr val="accent5">
              <a:lumMod val="20000"/>
              <a:lumOff val="80000"/>
            </a:schemeClr>
          </a:solidFill>
        </p:spPr>
        <p:txBody>
          <a:bodyPr wrap="square" lIns="36000" tIns="36000" rIns="36000" bIns="36000" rtlCol="0">
            <a:spAutoFit/>
          </a:bodyPr>
          <a:lstStyle/>
          <a:p>
            <a:r>
              <a:rPr lang="en-IN" sz="15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Goal #17: Partnerships</a:t>
            </a:r>
          </a:p>
        </p:txBody>
      </p:sp>
      <p:sp>
        <p:nvSpPr>
          <p:cNvPr id="64" name="Rectangle 63"/>
          <p:cNvSpPr/>
          <p:nvPr/>
        </p:nvSpPr>
        <p:spPr>
          <a:xfrm>
            <a:off x="2001332" y="1512772"/>
            <a:ext cx="2613600" cy="45719"/>
          </a:xfrm>
          <a:prstGeom prst="rect">
            <a:avLst/>
          </a:prstGeom>
          <a:solidFill>
            <a:srgbClr val="0C4D6D"/>
          </a:solidFill>
          <a:ln w="19050">
            <a:solidFill>
              <a:srgbClr val="0A4E6D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cxnSp>
        <p:nvCxnSpPr>
          <p:cNvPr id="65" name="Straight Connector 64"/>
          <p:cNvCxnSpPr/>
          <p:nvPr/>
        </p:nvCxnSpPr>
        <p:spPr>
          <a:xfrm flipV="1">
            <a:off x="1165951" y="2731148"/>
            <a:ext cx="3139808" cy="0"/>
          </a:xfrm>
          <a:prstGeom prst="line">
            <a:avLst/>
          </a:prstGeom>
          <a:ln w="19050">
            <a:solidFill>
              <a:srgbClr val="63B44C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6" name="Rectangle 65"/>
          <p:cNvSpPr/>
          <p:nvPr/>
        </p:nvSpPr>
        <p:spPr>
          <a:xfrm>
            <a:off x="967645" y="2723794"/>
            <a:ext cx="2544896" cy="46800"/>
          </a:xfrm>
          <a:prstGeom prst="rect">
            <a:avLst/>
          </a:prstGeom>
          <a:solidFill>
            <a:srgbClr val="63B44C"/>
          </a:solidFill>
          <a:ln w="19050">
            <a:solidFill>
              <a:srgbClr val="63B44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67" name="TextBox 66"/>
          <p:cNvSpPr txBox="1"/>
          <p:nvPr/>
        </p:nvSpPr>
        <p:spPr>
          <a:xfrm>
            <a:off x="978661" y="2772974"/>
            <a:ext cx="2544897" cy="303536"/>
          </a:xfrm>
          <a:prstGeom prst="rect">
            <a:avLst/>
          </a:prstGeom>
          <a:solidFill>
            <a:schemeClr val="accent5">
              <a:lumMod val="20000"/>
              <a:lumOff val="80000"/>
            </a:schemeClr>
          </a:solidFill>
        </p:spPr>
        <p:txBody>
          <a:bodyPr wrap="square" lIns="36000" tIns="36000" rIns="36000" bIns="36000" rtlCol="0">
            <a:spAutoFit/>
          </a:bodyPr>
          <a:lstStyle/>
          <a:p>
            <a:r>
              <a:rPr lang="en-IN" sz="15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Goal #15: Life on Land</a:t>
            </a:r>
          </a:p>
        </p:txBody>
      </p:sp>
      <p:cxnSp>
        <p:nvCxnSpPr>
          <p:cNvPr id="59" name="Elbow Connector 58"/>
          <p:cNvCxnSpPr/>
          <p:nvPr/>
        </p:nvCxnSpPr>
        <p:spPr>
          <a:xfrm rot="10800000" flipV="1">
            <a:off x="2555915" y="6235544"/>
            <a:ext cx="2633031" cy="187287"/>
          </a:xfrm>
          <a:prstGeom prst="bentConnector3">
            <a:avLst>
              <a:gd name="adj1" fmla="val 209"/>
            </a:avLst>
          </a:prstGeom>
          <a:ln w="19050">
            <a:solidFill>
              <a:srgbClr val="E4237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0" name="Rectangle 69"/>
          <p:cNvSpPr/>
          <p:nvPr/>
        </p:nvSpPr>
        <p:spPr>
          <a:xfrm>
            <a:off x="967645" y="6426917"/>
            <a:ext cx="3542400" cy="46800"/>
          </a:xfrm>
          <a:prstGeom prst="rect">
            <a:avLst/>
          </a:prstGeom>
          <a:solidFill>
            <a:srgbClr val="E42372"/>
          </a:solidFill>
          <a:ln w="19050">
            <a:solidFill>
              <a:srgbClr val="E4237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71" name="TextBox 70"/>
          <p:cNvSpPr txBox="1"/>
          <p:nvPr/>
        </p:nvSpPr>
        <p:spPr>
          <a:xfrm>
            <a:off x="967645" y="6487114"/>
            <a:ext cx="3542779" cy="324000"/>
          </a:xfrm>
          <a:prstGeom prst="rect">
            <a:avLst/>
          </a:prstGeom>
          <a:solidFill>
            <a:schemeClr val="accent5">
              <a:lumMod val="20000"/>
              <a:lumOff val="80000"/>
            </a:schemeClr>
          </a:solidFill>
          <a:ln>
            <a:solidFill>
              <a:srgbClr val="E4E4E4"/>
            </a:solidFill>
          </a:ln>
        </p:spPr>
        <p:txBody>
          <a:bodyPr wrap="square" lIns="36000" tIns="36000" rIns="36000" bIns="36000" rtlCol="0">
            <a:spAutoFit/>
          </a:bodyPr>
          <a:lstStyle/>
          <a:p>
            <a:r>
              <a:rPr lang="en-IN" sz="15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Goal #10: Reduced Inequalities</a:t>
            </a:r>
          </a:p>
        </p:txBody>
      </p:sp>
      <p:cxnSp>
        <p:nvCxnSpPr>
          <p:cNvPr id="72" name="Straight Connector 71"/>
          <p:cNvCxnSpPr/>
          <p:nvPr/>
        </p:nvCxnSpPr>
        <p:spPr>
          <a:xfrm flipV="1">
            <a:off x="822009" y="5023337"/>
            <a:ext cx="3139808" cy="0"/>
          </a:xfrm>
          <a:prstGeom prst="line">
            <a:avLst/>
          </a:prstGeom>
          <a:ln w="19050">
            <a:solidFill>
              <a:srgbClr val="C1933B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3" name="Rectangle 72"/>
          <p:cNvSpPr/>
          <p:nvPr/>
        </p:nvSpPr>
        <p:spPr>
          <a:xfrm>
            <a:off x="238109" y="5015983"/>
            <a:ext cx="3146400" cy="46800"/>
          </a:xfrm>
          <a:prstGeom prst="rect">
            <a:avLst/>
          </a:prstGeom>
          <a:solidFill>
            <a:srgbClr val="C1933B"/>
          </a:solidFill>
          <a:ln w="19050">
            <a:solidFill>
              <a:srgbClr val="C1933B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74" name="TextBox 73"/>
          <p:cNvSpPr txBox="1"/>
          <p:nvPr/>
        </p:nvSpPr>
        <p:spPr>
          <a:xfrm>
            <a:off x="238109" y="5076180"/>
            <a:ext cx="3146565" cy="534368"/>
          </a:xfrm>
          <a:prstGeom prst="rect">
            <a:avLst/>
          </a:prstGeom>
          <a:solidFill>
            <a:schemeClr val="accent5">
              <a:lumMod val="20000"/>
              <a:lumOff val="80000"/>
            </a:schemeClr>
          </a:solidFill>
          <a:ln>
            <a:solidFill>
              <a:srgbClr val="E4E4E4"/>
            </a:solidFill>
          </a:ln>
        </p:spPr>
        <p:txBody>
          <a:bodyPr wrap="square" lIns="36000" tIns="36000" rIns="36000" bIns="36000" rtlCol="0">
            <a:spAutoFit/>
          </a:bodyPr>
          <a:lstStyle/>
          <a:p>
            <a:r>
              <a:rPr lang="en-IN" sz="15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Goal #12: Responsible Consumption &amp; Production</a:t>
            </a:r>
          </a:p>
        </p:txBody>
      </p:sp>
    </p:spTree>
    <p:extLst>
      <p:ext uri="{BB962C8B-B14F-4D97-AF65-F5344CB8AC3E}">
        <p14:creationId xmlns:p14="http://schemas.microsoft.com/office/powerpoint/2010/main" val="24101547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 advTm="12676"/>
    </mc:Choice>
    <mc:Fallback xmlns="">
      <p:transition spd="slow" advTm="12676"/>
    </mc:Fallback>
  </mc:AlternateContent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1">
            <a:extLst>
              <a:ext uri="{FF2B5EF4-FFF2-40B4-BE49-F238E27FC236}">
                <a16:creationId xmlns:a16="http://schemas.microsoft.com/office/drawing/2014/main" id="{1B794D5C-E03D-CC4B-8947-C3F9285D4CCF}"/>
              </a:ext>
            </a:extLst>
          </p:cNvPr>
          <p:cNvSpPr txBox="1">
            <a:spLocks/>
          </p:cNvSpPr>
          <p:nvPr/>
        </p:nvSpPr>
        <p:spPr bwMode="gray">
          <a:xfrm>
            <a:off x="236498" y="95913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Appendix  </a:t>
            </a:r>
            <a:endParaRPr lang="en-US" sz="2400" b="1" dirty="0">
              <a:solidFill>
                <a:srgbClr val="009051"/>
              </a:solidFill>
            </a:endParaRPr>
          </a:p>
        </p:txBody>
      </p:sp>
      <p:sp>
        <p:nvSpPr>
          <p:cNvPr id="5" name="Agenda">
            <a:extLst>
              <a:ext uri="{FF2B5EF4-FFF2-40B4-BE49-F238E27FC236}">
                <a16:creationId xmlns:a16="http://schemas.microsoft.com/office/drawing/2014/main" id="{2ADA4253-DF2D-5F4B-B1E4-21389753DDDB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236498" y="833757"/>
            <a:ext cx="11610980" cy="6021733"/>
          </a:xfrm>
          <a:prstGeom prst="rect">
            <a:avLst/>
          </a:prstGeom>
          <a:noFill/>
        </p:spPr>
        <p:txBody>
          <a:bodyPr vert="horz" wrap="square" lIns="32808" tIns="32808" rIns="32808" bIns="32808" rtlCol="0">
            <a:spAutoFit/>
          </a:bodyPr>
          <a:lstStyle/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3" action="ppaction://hlinksldjump"/>
              </a:rPr>
              <a:t>Our Mentors</a:t>
            </a:r>
            <a:endParaRPr lang="en-US" dirty="0">
              <a:solidFill>
                <a:prstClr val="black"/>
              </a:solidFill>
              <a:hlinkClick r:id="rId4" action="ppaction://hlinksldjump"/>
            </a:endParaRPr>
          </a:p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4" action="ppaction://hlinksldjump"/>
              </a:rPr>
              <a:t>Business Model Explanation</a:t>
            </a:r>
            <a:endParaRPr lang="en-US" dirty="0">
              <a:solidFill>
                <a:prstClr val="black"/>
              </a:solidFill>
            </a:endParaRPr>
          </a:p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5" action="ppaction://hlinksldjump"/>
              </a:rPr>
              <a:t>Scope of Opportunity for Agriculture in India</a:t>
            </a:r>
          </a:p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5" action="ppaction://hlinksldjump"/>
              </a:rPr>
              <a:t>Selection of Farm Land and Farmer</a:t>
            </a:r>
            <a:endParaRPr lang="en-US" dirty="0">
              <a:solidFill>
                <a:prstClr val="black"/>
              </a:solidFill>
            </a:endParaRPr>
          </a:p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6" action="ppaction://hlinksldjump"/>
              </a:rPr>
              <a:t>Target investors Proposition</a:t>
            </a:r>
            <a:endParaRPr lang="en-US" dirty="0">
              <a:solidFill>
                <a:prstClr val="black"/>
              </a:solidFill>
            </a:endParaRPr>
          </a:p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7" action="ppaction://hlinksldjump"/>
              </a:rPr>
              <a:t>Share Classes in the Fund</a:t>
            </a:r>
            <a:endParaRPr lang="en-US" dirty="0">
              <a:solidFill>
                <a:prstClr val="black"/>
              </a:solidFill>
            </a:endParaRPr>
          </a:p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8" action="ppaction://hlinksldjump"/>
              </a:rPr>
              <a:t>Priority of Cashflows in the </a:t>
            </a:r>
            <a:r>
              <a:rPr lang="en-US" u="sng" dirty="0">
                <a:solidFill>
                  <a:prstClr val="black"/>
                </a:solidFill>
              </a:rPr>
              <a:t>Fund</a:t>
            </a:r>
          </a:p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9" action="ppaction://hlinksldjump"/>
              </a:rPr>
              <a:t>Investor Return Benchmarking with the Market</a:t>
            </a:r>
            <a:endParaRPr lang="en-US" dirty="0">
              <a:solidFill>
                <a:prstClr val="black"/>
              </a:solidFill>
            </a:endParaRPr>
          </a:p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10" action="ppaction://hlinksldjump"/>
              </a:rPr>
              <a:t>Legal / Political Framework Supporting Our Fund</a:t>
            </a:r>
            <a:endParaRPr lang="en-US" dirty="0">
              <a:solidFill>
                <a:prstClr val="black"/>
              </a:solidFill>
            </a:endParaRPr>
          </a:p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11" action="ppaction://hlinksldjump"/>
              </a:rPr>
              <a:t>Government Policies in Alignment with the Fund</a:t>
            </a:r>
            <a:endParaRPr lang="en-US" dirty="0">
              <a:solidFill>
                <a:prstClr val="black"/>
              </a:solidFill>
            </a:endParaRPr>
          </a:p>
          <a:p>
            <a:pPr marL="34290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12" action="ppaction://hlinksldjump"/>
              </a:rPr>
              <a:t>Dig Deep on Achievement of Sustainable Development Goals </a:t>
            </a:r>
            <a:endParaRPr lang="en-US" dirty="0">
              <a:solidFill>
                <a:prstClr val="black"/>
              </a:solidFill>
            </a:endParaRPr>
          </a:p>
          <a:p>
            <a:pPr marL="34290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13" action="ppaction://hlinksldjump"/>
              </a:rPr>
              <a:t>Scalability of the Fund</a:t>
            </a:r>
            <a:endParaRPr lang="en-US" dirty="0">
              <a:solidFill>
                <a:prstClr val="black"/>
              </a:solidFill>
            </a:endParaRPr>
          </a:p>
          <a:p>
            <a:pPr marL="34290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14" action="ppaction://hlinksldjump"/>
              </a:rPr>
              <a:t>Potential Market Partners: </a:t>
            </a:r>
            <a:r>
              <a:rPr lang="en-US" dirty="0" err="1">
                <a:solidFill>
                  <a:prstClr val="black"/>
                </a:solidFill>
                <a:hlinkClick r:id="rId14" action="ppaction://hlinksldjump"/>
              </a:rPr>
              <a:t>Ninjacart</a:t>
            </a:r>
            <a:endParaRPr lang="en-US" dirty="0">
              <a:solidFill>
                <a:prstClr val="black"/>
              </a:solidFill>
            </a:endParaRPr>
          </a:p>
          <a:p>
            <a:pPr marL="34290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15" action="ppaction://hlinksldjump"/>
              </a:rPr>
              <a:t>Potential Methods for Improving Farm Yields</a:t>
            </a:r>
          </a:p>
          <a:p>
            <a:pPr marL="34290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15" action="ppaction://hlinksldjump"/>
              </a:rPr>
              <a:t>Excel Model Assumptions</a:t>
            </a:r>
            <a:endParaRPr lang="en-US" dirty="0">
              <a:solidFill>
                <a:prstClr val="black"/>
              </a:solidFill>
            </a:endParaRPr>
          </a:p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16" action="ppaction://hlinksldjump"/>
              </a:rPr>
              <a:t>Excel Model for the Pilot</a:t>
            </a:r>
            <a:endParaRPr lang="en-US" dirty="0">
              <a:solidFill>
                <a:prstClr val="black"/>
              </a:solidFill>
            </a:endParaRPr>
          </a:p>
          <a:p>
            <a:pPr marL="34290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17" action="ppaction://hlinksldjump"/>
              </a:rPr>
              <a:t>Revenue Breakup for the Pilot</a:t>
            </a:r>
            <a:endParaRPr lang="en-US" dirty="0">
              <a:solidFill>
                <a:prstClr val="black"/>
              </a:solidFill>
            </a:endParaRPr>
          </a:p>
          <a:p>
            <a:pPr marL="34290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18" action="ppaction://hlinksldjump"/>
              </a:rPr>
              <a:t>Sensitivity of investor Return with Land Purchase Price</a:t>
            </a:r>
            <a:endParaRPr lang="en-US" dirty="0">
              <a:solidFill>
                <a:prstClr val="black"/>
              </a:solidFill>
            </a:endParaRPr>
          </a:p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19" action="ppaction://hlinksldjump"/>
              </a:rPr>
              <a:t>Success Case Study of an Indian Farmer</a:t>
            </a:r>
            <a:endParaRPr lang="en-US" dirty="0">
              <a:solidFill>
                <a:prstClr val="black"/>
              </a:solidFill>
            </a:endParaRPr>
          </a:p>
        </p:txBody>
      </p:sp>
      <p:sp>
        <p:nvSpPr>
          <p:cNvPr id="4" name="Rectangle 3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11195685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BainBulletsConfiguration" hidden="1"/>
          <p:cNvSpPr txBox="1"/>
          <p:nvPr/>
        </p:nvSpPr>
        <p:spPr>
          <a:xfrm>
            <a:off x="1711539" y="331826"/>
            <a:ext cx="8101687" cy="81189"/>
          </a:xfrm>
          <a:prstGeom prst="rect">
            <a:avLst/>
          </a:prstGeom>
          <a:noFill/>
        </p:spPr>
        <p:txBody>
          <a:bodyPr vert="horz" wrap="square" lIns="32808" tIns="32808" rIns="32808" bIns="32808" rtlCol="0">
            <a:spAutoFit/>
          </a:bodyPr>
          <a:lstStyle/>
          <a:p>
            <a:r>
              <a:rPr lang="en-US" sz="100">
                <a:solidFill>
                  <a:srgbClr val="FFFFFF"/>
                </a:solidFill>
              </a:rPr>
              <a:t>8_84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8" name="Agenda"/>
          <p:cNvSpPr txBox="1"/>
          <p:nvPr>
            <p:custDataLst>
              <p:tags r:id="rId2"/>
            </p:custDataLst>
          </p:nvPr>
        </p:nvSpPr>
        <p:spPr>
          <a:xfrm>
            <a:off x="623888" y="1835289"/>
            <a:ext cx="11593512" cy="5031719"/>
          </a:xfrm>
          <a:prstGeom prst="rect">
            <a:avLst/>
          </a:prstGeom>
          <a:noFill/>
        </p:spPr>
        <p:txBody>
          <a:bodyPr vert="horz" wrap="square" lIns="32808" tIns="32808" rIns="32808" bIns="32808" rtlCol="0">
            <a:spAutoFit/>
          </a:bodyPr>
          <a:lstStyle/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PROBLEM STATEMENT</a:t>
            </a:r>
            <a:br>
              <a:rPr lang="en-US" sz="2400" b="1" dirty="0"/>
            </a:br>
            <a:r>
              <a:rPr lang="en-US" dirty="0"/>
              <a:t>Current problem plaguing the sector and scope of opportunities</a:t>
            </a:r>
          </a:p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SOLUTION AND INVESTMENT THESIS</a:t>
            </a:r>
            <a:br>
              <a:rPr lang="en-US" sz="2400" dirty="0"/>
            </a:br>
            <a:r>
              <a:rPr lang="en-US" sz="2000" dirty="0"/>
              <a:t>How we plan to solve the problem and create financial value at the same time</a:t>
            </a:r>
            <a:endParaRPr lang="en-US" sz="2000" b="1" dirty="0"/>
          </a:p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IMPLEMENTATION ASPECTS</a:t>
            </a:r>
            <a:br>
              <a:rPr lang="en-US" sz="2400" dirty="0"/>
            </a:br>
            <a:r>
              <a:rPr lang="en-US" sz="2000" dirty="0"/>
              <a:t>Finer executional details contributing to the success of the project</a:t>
            </a:r>
          </a:p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IMPACT</a:t>
            </a:r>
            <a:br>
              <a:rPr lang="en-US" sz="2400" dirty="0"/>
            </a:br>
            <a:r>
              <a:rPr lang="en-US" sz="2000" dirty="0"/>
              <a:t>Benefits accrued to the society, farmers and the investors</a:t>
            </a:r>
          </a:p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APPENDIX</a:t>
            </a:r>
            <a:br>
              <a:rPr lang="en-US" sz="2400" dirty="0"/>
            </a:br>
            <a:r>
              <a:rPr lang="en-US" sz="2000" dirty="0"/>
              <a:t>Deep dive into specific aspects for further discussions</a:t>
            </a:r>
          </a:p>
        </p:txBody>
      </p:sp>
      <p:sp>
        <p:nvSpPr>
          <p:cNvPr id="9" name="Rectangle 8"/>
          <p:cNvSpPr/>
          <p:nvPr/>
        </p:nvSpPr>
        <p:spPr>
          <a:xfrm>
            <a:off x="88" y="818079"/>
            <a:ext cx="12900483" cy="735299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US" sz="2000" dirty="0">
              <a:solidFill>
                <a:srgbClr val="FFFFFF"/>
              </a:solidFill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653573" y="903155"/>
            <a:ext cx="6826189" cy="565146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3200" b="1" dirty="0">
                <a:solidFill>
                  <a:schemeClr val="bg2"/>
                </a:solidFill>
              </a:rPr>
              <a:t>Agenda</a:t>
            </a:r>
          </a:p>
        </p:txBody>
      </p:sp>
      <p:sp>
        <p:nvSpPr>
          <p:cNvPr id="6" name="Rectangle 5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cxnSp>
        <p:nvCxnSpPr>
          <p:cNvPr id="12" name="Straight Connector 11">
            <a:extLst>
              <a:ext uri="{FF2B5EF4-FFF2-40B4-BE49-F238E27FC236}">
                <a16:creationId xmlns:a16="http://schemas.microsoft.com/office/drawing/2014/main" id="{2C0CB7F0-DB6F-9C48-A07B-ABF1B0140FAE}"/>
              </a:ext>
            </a:extLst>
          </p:cNvPr>
          <p:cNvCxnSpPr/>
          <p:nvPr/>
        </p:nvCxnSpPr>
        <p:spPr>
          <a:xfrm>
            <a:off x="490330" y="1835231"/>
            <a:ext cx="0" cy="665757"/>
          </a:xfrm>
          <a:prstGeom prst="line">
            <a:avLst/>
          </a:prstGeom>
          <a:ln w="76200">
            <a:solidFill>
              <a:srgbClr val="00905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1"/>
    </p:custDataLst>
    <p:extLst>
      <p:ext uri="{BB962C8B-B14F-4D97-AF65-F5344CB8AC3E}">
        <p14:creationId xmlns:p14="http://schemas.microsoft.com/office/powerpoint/2010/main" val="1157389763"/>
      </p:ext>
    </p:extLst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BainBulletsConfiguration" hidden="1"/>
          <p:cNvSpPr txBox="1"/>
          <p:nvPr/>
        </p:nvSpPr>
        <p:spPr>
          <a:xfrm>
            <a:off x="1712293" y="12323"/>
            <a:ext cx="8626466" cy="107722"/>
          </a:xfrm>
          <a:prstGeom prst="rect">
            <a:avLst/>
          </a:prstGeom>
          <a:noFill/>
        </p:spPr>
        <p:txBody>
          <a:bodyPr vert="horz" wrap="square" lIns="44349" tIns="45703" rIns="44349" bIns="45703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12" name="Rectangle 11"/>
          <p:cNvSpPr/>
          <p:nvPr/>
        </p:nvSpPr>
        <p:spPr>
          <a:xfrm>
            <a:off x="0" y="7131632"/>
            <a:ext cx="12841288" cy="90000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4349" tIns="44349" rIns="44349" bIns="44349" rtlCol="0" anchor="ctr"/>
          <a:lstStyle/>
          <a:p>
            <a:pPr algn="ctr"/>
            <a:endParaRPr lang="en-US" sz="2000" dirty="0">
              <a:solidFill>
                <a:srgbClr val="FFFFFF"/>
              </a:solidFill>
            </a:endParaRPr>
          </a:p>
        </p:txBody>
      </p:sp>
      <p:sp>
        <p:nvSpPr>
          <p:cNvPr id="23" name="Title 1">
            <a:extLst>
              <a:ext uri="{FF2B5EF4-FFF2-40B4-BE49-F238E27FC236}">
                <a16:creationId xmlns:a16="http://schemas.microsoft.com/office/drawing/2014/main" id="{5E555FDA-F4B6-2245-A92A-E847FDFB68C9}"/>
              </a:ext>
            </a:extLst>
          </p:cNvPr>
          <p:cNvSpPr txBox="1">
            <a:spLocks/>
          </p:cNvSpPr>
          <p:nvPr/>
        </p:nvSpPr>
        <p:spPr bwMode="gray">
          <a:xfrm>
            <a:off x="236498" y="66573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THE LOCUS agriculture team</a:t>
            </a:r>
            <a:endParaRPr lang="en-US" sz="2400" b="1" dirty="0">
              <a:solidFill>
                <a:srgbClr val="009051"/>
              </a:solidFill>
            </a:endParaRPr>
          </a:p>
        </p:txBody>
      </p:sp>
      <p:sp>
        <p:nvSpPr>
          <p:cNvPr id="40" name="Rectangle 39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8" name="Rectangle 7"/>
          <p:cNvSpPr/>
          <p:nvPr/>
        </p:nvSpPr>
        <p:spPr>
          <a:xfrm>
            <a:off x="0" y="2077825"/>
            <a:ext cx="12841288" cy="1146088"/>
          </a:xfrm>
          <a:prstGeom prst="rect">
            <a:avLst/>
          </a:prstGeom>
          <a:solidFill>
            <a:schemeClr val="bg1">
              <a:lumMod val="5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4349" tIns="44349" rIns="44349" bIns="44349" rtlCol="0" anchor="ctr"/>
          <a:lstStyle/>
          <a:p>
            <a:pPr algn="ctr"/>
            <a:endParaRPr lang="en-US" sz="2000" dirty="0">
              <a:solidFill>
                <a:srgbClr val="000000"/>
              </a:solidFill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889809" y="892538"/>
            <a:ext cx="1631641" cy="397329"/>
          </a:xfrm>
          <a:prstGeom prst="rect">
            <a:avLst/>
          </a:prstGeom>
          <a:solidFill>
            <a:schemeClr val="bg2">
              <a:alpha val="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4343" tIns="44343" rIns="44343" bIns="44343" rtlCol="0" anchor="ctr">
            <a:spAutoFit/>
          </a:bodyPr>
          <a:lstStyle/>
          <a:p>
            <a:pPr algn="ctr"/>
            <a:r>
              <a:rPr lang="en-US" sz="2000" b="1" dirty="0">
                <a:solidFill>
                  <a:schemeClr val="bg1">
                    <a:lumMod val="50000"/>
                  </a:schemeClr>
                </a:solidFill>
              </a:rPr>
              <a:t>Bani Singh</a:t>
            </a:r>
          </a:p>
        </p:txBody>
      </p:sp>
      <p:pic>
        <p:nvPicPr>
          <p:cNvPr id="1030" name="Picture 6" descr="Image result for bain logo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1554" b="43666"/>
          <a:stretch/>
        </p:blipFill>
        <p:spPr bwMode="auto">
          <a:xfrm>
            <a:off x="1165629" y="4591010"/>
            <a:ext cx="1080000" cy="47468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6" name="Picture 1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13" t="7440" r="213" b="26202"/>
          <a:stretch/>
        </p:blipFill>
        <p:spPr>
          <a:xfrm>
            <a:off x="553630" y="1310711"/>
            <a:ext cx="2304000" cy="2304000"/>
          </a:xfrm>
          <a:prstGeom prst="ellipse">
            <a:avLst/>
          </a:prstGeom>
        </p:spPr>
      </p:pic>
      <p:sp>
        <p:nvSpPr>
          <p:cNvPr id="26" name="TextBox 25">
            <a:extLst>
              <a:ext uri="{FF2B5EF4-FFF2-40B4-BE49-F238E27FC236}">
                <a16:creationId xmlns:a16="http://schemas.microsoft.com/office/drawing/2014/main" id="{74B3958E-E56C-4AAF-B0F9-CE5B09C71FBF}"/>
              </a:ext>
            </a:extLst>
          </p:cNvPr>
          <p:cNvSpPr txBox="1"/>
          <p:nvPr/>
        </p:nvSpPr>
        <p:spPr>
          <a:xfrm>
            <a:off x="610813" y="3716652"/>
            <a:ext cx="2189634" cy="503590"/>
          </a:xfrm>
          <a:prstGeom prst="rect">
            <a:avLst/>
          </a:prstGeom>
          <a:noFill/>
          <a:ln>
            <a:noFill/>
          </a:ln>
        </p:spPr>
        <p:txBody>
          <a:bodyPr wrap="square" lIns="36000" tIns="36000" rIns="36000" bIns="36000" rtlCol="0">
            <a:spAutoFit/>
          </a:bodyPr>
          <a:lstStyle/>
          <a:p>
            <a:pPr lvl="0" algn="ctr">
              <a:buSzPct val="100000"/>
            </a:pPr>
            <a:r>
              <a:rPr lang="en-US" sz="1400" dirty="0"/>
              <a:t>MBA, IIM Ahmedabad</a:t>
            </a:r>
          </a:p>
          <a:p>
            <a:pPr lvl="0" algn="ctr">
              <a:buSzPct val="100000"/>
            </a:pPr>
            <a:r>
              <a:rPr lang="en-US" sz="1400" dirty="0"/>
              <a:t>BBA, Delhi University</a:t>
            </a:r>
          </a:p>
        </p:txBody>
      </p:sp>
      <p:sp>
        <p:nvSpPr>
          <p:cNvPr id="21" name="Rectangle 20"/>
          <p:cNvSpPr/>
          <p:nvPr/>
        </p:nvSpPr>
        <p:spPr>
          <a:xfrm>
            <a:off x="3790514" y="892538"/>
            <a:ext cx="2428334" cy="397329"/>
          </a:xfrm>
          <a:prstGeom prst="rect">
            <a:avLst/>
          </a:prstGeom>
          <a:solidFill>
            <a:schemeClr val="bg2">
              <a:alpha val="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4343" tIns="44343" rIns="44343" bIns="44343" rtlCol="0" anchor="ctr">
            <a:spAutoFit/>
          </a:bodyPr>
          <a:lstStyle/>
          <a:p>
            <a:pPr algn="ctr"/>
            <a:r>
              <a:rPr lang="en-US" sz="2000" b="1" dirty="0" err="1">
                <a:solidFill>
                  <a:schemeClr val="bg1">
                    <a:lumMod val="50000"/>
                  </a:schemeClr>
                </a:solidFill>
              </a:rPr>
              <a:t>Eshwar</a:t>
            </a:r>
            <a:r>
              <a:rPr lang="en-US" sz="2000" b="1" dirty="0">
                <a:solidFill>
                  <a:schemeClr val="bg1">
                    <a:lumMod val="50000"/>
                  </a:schemeClr>
                </a:solidFill>
              </a:rPr>
              <a:t> Agarwal</a:t>
            </a: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-956" t="-225" r="956" b="14264"/>
          <a:stretch/>
        </p:blipFill>
        <p:spPr>
          <a:xfrm>
            <a:off x="3852681" y="1310711"/>
            <a:ext cx="2304000" cy="2304000"/>
          </a:xfrm>
          <a:prstGeom prst="ellipse">
            <a:avLst/>
          </a:prstGeom>
        </p:spPr>
      </p:pic>
      <p:pic>
        <p:nvPicPr>
          <p:cNvPr id="1026" name="Picture 2" descr="Image result for mckinsey logo"/>
          <p:cNvPicPr>
            <a:picLocks noChangeAspect="1" noChangeArrowheads="1"/>
          </p:cNvPicPr>
          <p:nvPr/>
        </p:nvPicPr>
        <p:blipFill rotWithShape="1"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7119" b="21577"/>
          <a:stretch/>
        </p:blipFill>
        <p:spPr bwMode="auto">
          <a:xfrm>
            <a:off x="3658786" y="4607655"/>
            <a:ext cx="1080000" cy="44139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33" name="Picture 6" descr="Image result for bain logo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1554" b="43666"/>
          <a:stretch/>
        </p:blipFill>
        <p:spPr bwMode="auto">
          <a:xfrm>
            <a:off x="5242503" y="4604137"/>
            <a:ext cx="1080000" cy="44842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7" name="TextBox 26">
            <a:extLst>
              <a:ext uri="{FF2B5EF4-FFF2-40B4-BE49-F238E27FC236}">
                <a16:creationId xmlns:a16="http://schemas.microsoft.com/office/drawing/2014/main" id="{0A18D235-7E94-4EC2-AAC7-8F7A7A17B564}"/>
              </a:ext>
            </a:extLst>
          </p:cNvPr>
          <p:cNvSpPr txBox="1"/>
          <p:nvPr/>
        </p:nvSpPr>
        <p:spPr>
          <a:xfrm>
            <a:off x="3516301" y="3716652"/>
            <a:ext cx="2976760" cy="503590"/>
          </a:xfrm>
          <a:prstGeom prst="rect">
            <a:avLst/>
          </a:prstGeom>
          <a:noFill/>
          <a:ln>
            <a:noFill/>
          </a:ln>
        </p:spPr>
        <p:txBody>
          <a:bodyPr wrap="square" lIns="36000" tIns="36000" rIns="36000" bIns="36000" rtlCol="0">
            <a:spAutoFit/>
          </a:bodyPr>
          <a:lstStyle/>
          <a:p>
            <a:pPr lvl="0" algn="ctr">
              <a:buSzPct val="100000"/>
            </a:pPr>
            <a:r>
              <a:rPr lang="en-US" sz="1400" dirty="0"/>
              <a:t>MBA, IIM Ahmedabad</a:t>
            </a:r>
          </a:p>
          <a:p>
            <a:pPr lvl="0" algn="ctr">
              <a:buSzPct val="100000"/>
            </a:pPr>
            <a:r>
              <a:rPr lang="en-US" sz="1400" dirty="0"/>
              <a:t>B.Tech., Delhi Technological Uni.</a:t>
            </a:r>
          </a:p>
        </p:txBody>
      </p:sp>
      <p:sp>
        <p:nvSpPr>
          <p:cNvPr id="22" name="Rectangle 21"/>
          <p:cNvSpPr/>
          <p:nvPr/>
        </p:nvSpPr>
        <p:spPr>
          <a:xfrm>
            <a:off x="7155288" y="892538"/>
            <a:ext cx="2296888" cy="397329"/>
          </a:xfrm>
          <a:prstGeom prst="rect">
            <a:avLst/>
          </a:prstGeom>
          <a:solidFill>
            <a:schemeClr val="bg2">
              <a:alpha val="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4343" tIns="44343" rIns="44343" bIns="44343" rtlCol="0" anchor="ctr">
            <a:spAutoFit/>
          </a:bodyPr>
          <a:lstStyle/>
          <a:p>
            <a:pPr algn="ctr"/>
            <a:r>
              <a:rPr lang="en-US" sz="2000" b="1" dirty="0" err="1">
                <a:solidFill>
                  <a:schemeClr val="bg1">
                    <a:lumMod val="50000"/>
                  </a:schemeClr>
                </a:solidFill>
              </a:rPr>
              <a:t>Khushbu</a:t>
            </a:r>
            <a:r>
              <a:rPr lang="en-US" sz="2000" b="1" dirty="0">
                <a:solidFill>
                  <a:schemeClr val="bg1">
                    <a:lumMod val="50000"/>
                  </a:schemeClr>
                </a:solidFill>
              </a:rPr>
              <a:t> Gupta</a:t>
            </a:r>
          </a:p>
        </p:txBody>
      </p:sp>
      <p:pic>
        <p:nvPicPr>
          <p:cNvPr id="31" name="Picture 6" descr="Image result for bain logo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1554" b="43666"/>
          <a:stretch/>
        </p:blipFill>
        <p:spPr bwMode="auto">
          <a:xfrm>
            <a:off x="7261515" y="4591010"/>
            <a:ext cx="1080000" cy="47468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6" name="Picture 12" descr="Image result for deutsche bank logo"/>
          <p:cNvPicPr>
            <a:picLocks noChangeAspect="1" noChangeArrowheads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493330" y="4524650"/>
            <a:ext cx="1080000" cy="6074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477" b="22558"/>
          <a:stretch/>
        </p:blipFill>
        <p:spPr>
          <a:xfrm>
            <a:off x="7151732" y="1310711"/>
            <a:ext cx="2304000" cy="2304000"/>
          </a:xfrm>
          <a:prstGeom prst="ellipse">
            <a:avLst/>
          </a:prstGeom>
        </p:spPr>
      </p:pic>
      <p:sp>
        <p:nvSpPr>
          <p:cNvPr id="30" name="TextBox 29">
            <a:extLst>
              <a:ext uri="{FF2B5EF4-FFF2-40B4-BE49-F238E27FC236}">
                <a16:creationId xmlns:a16="http://schemas.microsoft.com/office/drawing/2014/main" id="{7FE30051-47C2-4954-ADFB-2DB9CF853D39}"/>
              </a:ext>
            </a:extLst>
          </p:cNvPr>
          <p:cNvSpPr txBox="1"/>
          <p:nvPr/>
        </p:nvSpPr>
        <p:spPr>
          <a:xfrm>
            <a:off x="7231944" y="3716652"/>
            <a:ext cx="2143576" cy="719034"/>
          </a:xfrm>
          <a:prstGeom prst="rect">
            <a:avLst/>
          </a:prstGeom>
          <a:noFill/>
          <a:ln>
            <a:noFill/>
          </a:ln>
        </p:spPr>
        <p:txBody>
          <a:bodyPr wrap="square" lIns="36000" tIns="36000" rIns="36000" bIns="36000" rtlCol="0">
            <a:spAutoFit/>
          </a:bodyPr>
          <a:lstStyle/>
          <a:p>
            <a:pPr lvl="0" algn="ctr">
              <a:buSzPct val="100000"/>
            </a:pPr>
            <a:r>
              <a:rPr lang="en-US" sz="1400" dirty="0"/>
              <a:t>MBA, IIM Ahmedabad</a:t>
            </a:r>
          </a:p>
          <a:p>
            <a:pPr lvl="0" algn="ctr">
              <a:buSzPct val="100000"/>
            </a:pPr>
            <a:r>
              <a:rPr lang="en-US" sz="1400" dirty="0"/>
              <a:t>B.Tech., IIT Delhi</a:t>
            </a:r>
          </a:p>
          <a:p>
            <a:pPr lvl="0" algn="ctr">
              <a:buSzPct val="100000"/>
            </a:pPr>
            <a:r>
              <a:rPr lang="en-US" sz="1400" dirty="0"/>
              <a:t>CFA Level 2 Qualified</a:t>
            </a:r>
          </a:p>
        </p:txBody>
      </p:sp>
      <p:sp>
        <p:nvSpPr>
          <p:cNvPr id="41" name="Rectangle 40"/>
          <p:cNvSpPr/>
          <p:nvPr/>
        </p:nvSpPr>
        <p:spPr>
          <a:xfrm>
            <a:off x="9964267" y="892538"/>
            <a:ext cx="2761758" cy="397329"/>
          </a:xfrm>
          <a:prstGeom prst="rect">
            <a:avLst/>
          </a:prstGeom>
          <a:solidFill>
            <a:schemeClr val="bg2">
              <a:alpha val="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44343" tIns="44343" rIns="44343" bIns="44343" rtlCol="0" anchor="ctr">
            <a:spAutoFit/>
          </a:bodyPr>
          <a:lstStyle/>
          <a:p>
            <a:pPr algn="ctr"/>
            <a:r>
              <a:rPr lang="en-US" sz="2000" b="1" dirty="0" err="1">
                <a:solidFill>
                  <a:srgbClr val="6F6F6F"/>
                </a:solidFill>
              </a:rPr>
              <a:t>Sabyasachi</a:t>
            </a:r>
            <a:r>
              <a:rPr lang="en-US" sz="2000" b="1" dirty="0">
                <a:solidFill>
                  <a:srgbClr val="6F6F6F"/>
                </a:solidFill>
              </a:rPr>
              <a:t> Mishra</a:t>
            </a:r>
          </a:p>
        </p:txBody>
      </p:sp>
      <p:pic>
        <p:nvPicPr>
          <p:cNvPr id="1028" name="Picture 4" descr="Image result for bcg logo"/>
          <p:cNvPicPr>
            <a:picLocks noChangeAspect="1" noChangeArrowheads="1"/>
          </p:cNvPicPr>
          <p:nvPr/>
        </p:nvPicPr>
        <p:blipFill rotWithShape="1"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26939" b="26307"/>
          <a:stretch/>
        </p:blipFill>
        <p:spPr bwMode="auto">
          <a:xfrm>
            <a:off x="10258389" y="4580540"/>
            <a:ext cx="1080000" cy="49562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4" name="Picture 10" descr="Image result for exl logo"/>
          <p:cNvPicPr>
            <a:picLocks noChangeAspect="1" noChangeArrowheads="1"/>
          </p:cNvPicPr>
          <p:nvPr/>
        </p:nvPicPr>
        <p:blipFill rotWithShape="1"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7296" t="17900" r="5431" b="17167"/>
          <a:stretch/>
        </p:blipFill>
        <p:spPr bwMode="auto">
          <a:xfrm>
            <a:off x="11490204" y="4516061"/>
            <a:ext cx="1080000" cy="62457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7" name="Picture 16"/>
          <p:cNvPicPr>
            <a:picLocks noChangeAspect="1"/>
          </p:cNvPicPr>
          <p:nvPr/>
        </p:nvPicPr>
        <p:blipFill rotWithShape="1"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-369" t="6618" r="369" b="26626"/>
          <a:stretch/>
        </p:blipFill>
        <p:spPr>
          <a:xfrm>
            <a:off x="10193145" y="1310711"/>
            <a:ext cx="2304000" cy="2304000"/>
          </a:xfrm>
          <a:prstGeom prst="ellipse">
            <a:avLst/>
          </a:prstGeom>
        </p:spPr>
      </p:pic>
      <p:sp>
        <p:nvSpPr>
          <p:cNvPr id="34" name="TextBox 33">
            <a:extLst>
              <a:ext uri="{FF2B5EF4-FFF2-40B4-BE49-F238E27FC236}">
                <a16:creationId xmlns:a16="http://schemas.microsoft.com/office/drawing/2014/main" id="{B5F7877F-039E-46E2-B04E-FB7EF1C75F68}"/>
              </a:ext>
            </a:extLst>
          </p:cNvPr>
          <p:cNvSpPr txBox="1"/>
          <p:nvPr/>
        </p:nvSpPr>
        <p:spPr>
          <a:xfrm>
            <a:off x="10196044" y="3716652"/>
            <a:ext cx="2298203" cy="719034"/>
          </a:xfrm>
          <a:prstGeom prst="rect">
            <a:avLst/>
          </a:prstGeom>
          <a:noFill/>
          <a:ln>
            <a:noFill/>
          </a:ln>
        </p:spPr>
        <p:txBody>
          <a:bodyPr wrap="square" lIns="36000" tIns="36000" rIns="36000" bIns="36000" rtlCol="0">
            <a:spAutoFit/>
          </a:bodyPr>
          <a:lstStyle/>
          <a:p>
            <a:pPr lvl="0" algn="ctr">
              <a:buSzPct val="100000"/>
            </a:pPr>
            <a:r>
              <a:rPr lang="en-US" sz="1400" dirty="0"/>
              <a:t>MBA, IIM Ahmedabad</a:t>
            </a:r>
          </a:p>
          <a:p>
            <a:pPr lvl="0" algn="ctr">
              <a:buSzPct val="100000"/>
            </a:pPr>
            <a:r>
              <a:rPr lang="en-US" sz="1400" dirty="0"/>
              <a:t>B.Tech., IIT Kharagpur</a:t>
            </a:r>
          </a:p>
          <a:p>
            <a:pPr lvl="0" algn="ctr">
              <a:buSzPct val="100000"/>
            </a:pPr>
            <a:r>
              <a:rPr lang="en-US" sz="1400" dirty="0"/>
              <a:t>CFA Level 1 Qualified</a:t>
            </a:r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E69856E-507B-4826-B962-795E6191B24E}"/>
              </a:ext>
            </a:extLst>
          </p:cNvPr>
          <p:cNvSpPr txBox="1"/>
          <p:nvPr/>
        </p:nvSpPr>
        <p:spPr>
          <a:xfrm>
            <a:off x="553629" y="6393944"/>
            <a:ext cx="11940617" cy="503590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IN" sz="1400" b="1" dirty="0"/>
              <a:t>Additional expertise required</a:t>
            </a:r>
            <a:r>
              <a:rPr lang="en-IN" sz="1400" dirty="0"/>
              <a:t>: </a:t>
            </a:r>
            <a:r>
              <a:rPr lang="en-US" sz="1400" dirty="0"/>
              <a:t>The Team will also seek external agronomy expertise, and legal advice specifically in reference to laws regarding tax treatment, agricultural law, and community reinvestment act investments. </a:t>
            </a:r>
            <a:endParaRPr lang="en-IN" sz="1400" dirty="0" err="1"/>
          </a:p>
        </p:txBody>
      </p:sp>
      <p:sp>
        <p:nvSpPr>
          <p:cNvPr id="32" name="TextBox 31">
            <a:extLst>
              <a:ext uri="{FF2B5EF4-FFF2-40B4-BE49-F238E27FC236}">
                <a16:creationId xmlns:a16="http://schemas.microsoft.com/office/drawing/2014/main" id="{FC16A2E5-2717-4789-BF0B-84EC0F1DC493}"/>
              </a:ext>
            </a:extLst>
          </p:cNvPr>
          <p:cNvSpPr txBox="1"/>
          <p:nvPr/>
        </p:nvSpPr>
        <p:spPr>
          <a:xfrm>
            <a:off x="553629" y="5374800"/>
            <a:ext cx="2189634" cy="719034"/>
          </a:xfrm>
          <a:prstGeom prst="rect">
            <a:avLst/>
          </a:prstGeom>
          <a:noFill/>
          <a:ln>
            <a:noFill/>
          </a:ln>
        </p:spPr>
        <p:txBody>
          <a:bodyPr wrap="square" lIns="36000" tIns="36000" rIns="36000" bIns="36000" rtlCol="0">
            <a:spAutoFit/>
          </a:bodyPr>
          <a:lstStyle/>
          <a:p>
            <a:pPr lvl="0" algn="ctr">
              <a:buSzPct val="100000"/>
            </a:pPr>
            <a:r>
              <a:rPr lang="en-US" sz="1400" dirty="0"/>
              <a:t>Experience in finance along with market research </a:t>
            </a:r>
          </a:p>
        </p:txBody>
      </p:sp>
      <p:sp>
        <p:nvSpPr>
          <p:cNvPr id="35" name="TextBox 34">
            <a:extLst>
              <a:ext uri="{FF2B5EF4-FFF2-40B4-BE49-F238E27FC236}">
                <a16:creationId xmlns:a16="http://schemas.microsoft.com/office/drawing/2014/main" id="{9DBF5B18-3750-4F6E-94B3-6760AF9F6B53}"/>
              </a:ext>
            </a:extLst>
          </p:cNvPr>
          <p:cNvSpPr txBox="1"/>
          <p:nvPr/>
        </p:nvSpPr>
        <p:spPr>
          <a:xfrm>
            <a:off x="3459117" y="5374800"/>
            <a:ext cx="2976760" cy="503590"/>
          </a:xfrm>
          <a:prstGeom prst="rect">
            <a:avLst/>
          </a:prstGeom>
          <a:noFill/>
          <a:ln>
            <a:noFill/>
          </a:ln>
        </p:spPr>
        <p:txBody>
          <a:bodyPr wrap="square" lIns="36000" tIns="36000" rIns="36000" bIns="36000" rtlCol="0">
            <a:spAutoFit/>
          </a:bodyPr>
          <a:lstStyle/>
          <a:p>
            <a:pPr lvl="0" algn="ctr">
              <a:buSzPct val="100000"/>
            </a:pPr>
            <a:r>
              <a:rPr lang="en-US" sz="1400" dirty="0"/>
              <a:t>Experience in consumer banking along with SDGs</a:t>
            </a:r>
          </a:p>
        </p:txBody>
      </p:sp>
      <p:sp>
        <p:nvSpPr>
          <p:cNvPr id="36" name="TextBox 35">
            <a:extLst>
              <a:ext uri="{FF2B5EF4-FFF2-40B4-BE49-F238E27FC236}">
                <a16:creationId xmlns:a16="http://schemas.microsoft.com/office/drawing/2014/main" id="{41FCCE31-2732-4FBF-B2A5-89E62FFF636A}"/>
              </a:ext>
            </a:extLst>
          </p:cNvPr>
          <p:cNvSpPr txBox="1"/>
          <p:nvPr/>
        </p:nvSpPr>
        <p:spPr>
          <a:xfrm>
            <a:off x="7142284" y="5374800"/>
            <a:ext cx="2208529" cy="934478"/>
          </a:xfrm>
          <a:prstGeom prst="rect">
            <a:avLst/>
          </a:prstGeom>
          <a:noFill/>
          <a:ln>
            <a:noFill/>
          </a:ln>
        </p:spPr>
        <p:txBody>
          <a:bodyPr wrap="square" lIns="36000" tIns="36000" rIns="36000" bIns="36000" rtlCol="0">
            <a:spAutoFit/>
          </a:bodyPr>
          <a:lstStyle/>
          <a:p>
            <a:pPr lvl="0" algn="ctr">
              <a:buSzPct val="100000"/>
            </a:pPr>
            <a:r>
              <a:rPr lang="en-US" sz="1400" dirty="0"/>
              <a:t>Experience in structuring financial instruments &amp; valuation</a:t>
            </a:r>
          </a:p>
        </p:txBody>
      </p:sp>
      <p:sp>
        <p:nvSpPr>
          <p:cNvPr id="37" name="TextBox 36">
            <a:extLst>
              <a:ext uri="{FF2B5EF4-FFF2-40B4-BE49-F238E27FC236}">
                <a16:creationId xmlns:a16="http://schemas.microsoft.com/office/drawing/2014/main" id="{C91F8CD3-E284-4524-B90C-2A0F130ADC1A}"/>
              </a:ext>
            </a:extLst>
          </p:cNvPr>
          <p:cNvSpPr txBox="1"/>
          <p:nvPr/>
        </p:nvSpPr>
        <p:spPr>
          <a:xfrm>
            <a:off x="10138860" y="5374800"/>
            <a:ext cx="2298203" cy="719034"/>
          </a:xfrm>
          <a:prstGeom prst="rect">
            <a:avLst/>
          </a:prstGeom>
          <a:noFill/>
          <a:ln>
            <a:noFill/>
          </a:ln>
        </p:spPr>
        <p:txBody>
          <a:bodyPr wrap="square" lIns="36000" tIns="36000" rIns="36000" bIns="36000" rtlCol="0">
            <a:spAutoFit/>
          </a:bodyPr>
          <a:lstStyle/>
          <a:p>
            <a:pPr lvl="0" algn="ctr">
              <a:buSzPct val="100000"/>
            </a:pPr>
            <a:r>
              <a:rPr lang="en-US" sz="1400" dirty="0"/>
              <a:t>Experience in data analytics and visualization</a:t>
            </a:r>
          </a:p>
        </p:txBody>
      </p:sp>
      <p:pic>
        <p:nvPicPr>
          <p:cNvPr id="9" name="Audio 8">
            <a:hlinkClick r:id="" action="ppaction://media"/>
          </p:cNvPr>
          <p:cNvPicPr>
            <a:picLocks noChangeAspect="1"/>
          </p:cNvPicPr>
          <p:nvPr>
            <a:audioFile r:link="rId2"/>
            <p:extLst>
              <p:ext uri="{DAA4B4D4-6D71-4841-9C94-3DE7FCFB9230}">
                <p14:media xmlns:p14="http://schemas.microsoft.com/office/powerpoint/2010/main" r:embed="rId1"/>
              </p:ext>
            </p:extLst>
          </p:nvPr>
        </p:nvPicPr>
        <p:blipFill>
          <a:blip r:embed="rId13"/>
          <a:stretch>
            <a:fillRect/>
          </a:stretch>
        </p:blipFill>
        <p:spPr>
          <a:xfrm>
            <a:off x="12282488" y="6664325"/>
            <a:ext cx="406400" cy="406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557047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 advTm="10753"/>
    </mc:Choice>
    <mc:Fallback xmlns="">
      <p:transition spd="slow" advTm="10753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mediacall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cmd type="call" cmd="playFrom(0.0)">
                                      <p:cBhvr>
                                        <p:cTn id="6" dur="1" fill="hold"/>
                                        <p:tgtEl>
                                          <p:spTgt spid="9"/>
                                        </p:tgtEl>
                                      </p:cBhvr>
                                    </p:cmd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  <p:audio isNarration="1">
              <p:cMediaNode vol="80000" showWhenStopped="0">
                <p:cTn id="7" fill="hold" display="0">
                  <p:stCondLst>
                    <p:cond delay="indefinite"/>
                  </p:stCondLst>
                  <p:endCondLst>
                    <p:cond evt="onStopAudio" delay="0">
                      <p:tgtEl>
                        <p:sldTgt/>
                      </p:tgtEl>
                    </p:cond>
                  </p:endCondLst>
                </p:cTn>
                <p:tgtEl>
                  <p:spTgt spid="9"/>
                </p:tgtEl>
              </p:cMediaNode>
            </p:audio>
          </p:childTnLst>
        </p:cTn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/>
          <p:cNvPicPr>
            <a:picLocks noChangeAspect="1"/>
          </p:cNvPicPr>
          <p:nvPr/>
        </p:nvPicPr>
        <p:blipFill rotWithShape="1"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5356"/>
          <a:stretch/>
        </p:blipFill>
        <p:spPr>
          <a:xfrm>
            <a:off x="0" y="0"/>
            <a:ext cx="12841288" cy="7249814"/>
          </a:xfrm>
          <a:prstGeom prst="rect">
            <a:avLst/>
          </a:prstGeom>
        </p:spPr>
      </p:pic>
      <p:sp>
        <p:nvSpPr>
          <p:cNvPr id="4" name="BainBulletsConfiguration" hidden="1"/>
          <p:cNvSpPr txBox="1"/>
          <p:nvPr/>
        </p:nvSpPr>
        <p:spPr>
          <a:xfrm>
            <a:off x="1712288" y="12323"/>
            <a:ext cx="8626466" cy="107722"/>
          </a:xfrm>
          <a:prstGeom prst="rect">
            <a:avLst/>
          </a:prstGeom>
          <a:noFill/>
        </p:spPr>
        <p:txBody>
          <a:bodyPr vert="horz" wrap="square" lIns="44365" rIns="44365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0" y="6299751"/>
            <a:ext cx="12841287" cy="936625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4933" tIns="34933" rIns="34933" bIns="34933" rtlCol="0" anchor="ctr"/>
          <a:lstStyle/>
          <a:p>
            <a:pPr marL="175618" algn="ctr">
              <a:spcBef>
                <a:spcPts val="2367"/>
              </a:spcBef>
              <a:buSzPct val="100000"/>
            </a:pPr>
            <a:r>
              <a:rPr lang="en-US" sz="1941" b="1" dirty="0">
                <a:solidFill>
                  <a:srgbClr val="FFFFFF"/>
                </a:solidFill>
              </a:rPr>
              <a:t>Thank you!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D305AF39-2FE7-C74C-B60C-6B6A819D0C04}"/>
              </a:ext>
            </a:extLst>
          </p:cNvPr>
          <p:cNvSpPr txBox="1"/>
          <p:nvPr/>
        </p:nvSpPr>
        <p:spPr>
          <a:xfrm>
            <a:off x="0" y="0"/>
            <a:ext cx="6826189" cy="1057588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3200" b="1" dirty="0">
                <a:solidFill>
                  <a:schemeClr val="bg2"/>
                </a:solidFill>
              </a:rPr>
              <a:t>Sustainable solutions for a sustainable existence</a:t>
            </a:r>
          </a:p>
        </p:txBody>
      </p:sp>
      <p:pic>
        <p:nvPicPr>
          <p:cNvPr id="8" name="Audio 7">
            <a:hlinkClick r:id="" action="ppaction://media"/>
          </p:cNvPr>
          <p:cNvPicPr>
            <a:picLocks noChangeAspect="1"/>
          </p:cNvPicPr>
          <p:nvPr>
            <a:audioFile r:link="rId1"/>
            <p:extLst>
              <p:ext uri="{DAA4B4D4-6D71-4841-9C94-3DE7FCFB9230}">
                <p14:media xmlns:p14="http://schemas.microsoft.com/office/powerpoint/2010/main" r:embed="rId2">
                  <p14:trim end="1755.9501"/>
                </p14:media>
              </p:ext>
            </p:extLst>
          </p:nvPr>
        </p:nvPicPr>
        <p:blipFill>
          <a:blip r:embed="rId5"/>
          <a:stretch>
            <a:fillRect/>
          </a:stretch>
        </p:blipFill>
        <p:spPr>
          <a:xfrm>
            <a:off x="12282488" y="6664325"/>
            <a:ext cx="406400" cy="406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8957753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 advTm="3965"/>
    </mc:Choice>
    <mc:Fallback xmlns="">
      <p:transition spd="slow" advTm="3965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mediacall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cmd type="call" cmd="playFrom(0.0)">
                                      <p:cBhvr>
                                        <p:cTn id="6" dur="1" fill="hold"/>
                                        <p:tgtEl>
                                          <p:spTgt spid="8"/>
                                        </p:tgtEl>
                                      </p:cBhvr>
                                    </p:cmd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  <p:audio isNarration="1">
              <p:cMediaNode vol="80000" showWhenStopped="0">
                <p:cTn id="7" fill="hold" display="0">
                  <p:stCondLst>
                    <p:cond delay="indefinite"/>
                  </p:stCondLst>
                  <p:endCondLst>
                    <p:cond evt="onStopAudio" delay="0">
                      <p:tgtEl>
                        <p:sldTgt/>
                      </p:tgtEl>
                    </p:cond>
                  </p:endCondLst>
                </p:cTn>
                <p:tgtEl>
                  <p:spTgt spid="8"/>
                </p:tgtEl>
              </p:cMediaNode>
            </p:audio>
          </p:childTnLst>
        </p:cTn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BainBulletsConfiguration" hidden="1"/>
          <p:cNvSpPr txBox="1"/>
          <p:nvPr/>
        </p:nvSpPr>
        <p:spPr>
          <a:xfrm>
            <a:off x="1712288" y="12323"/>
            <a:ext cx="8626466" cy="107722"/>
          </a:xfrm>
          <a:prstGeom prst="rect">
            <a:avLst/>
          </a:prstGeom>
          <a:noFill/>
        </p:spPr>
        <p:txBody>
          <a:bodyPr vert="horz" wrap="square" lIns="44365" rIns="44365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0" y="0"/>
            <a:ext cx="12841288" cy="5753100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US" sz="1800" dirty="0">
              <a:solidFill>
                <a:srgbClr val="FFFFFF"/>
              </a:solidFill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11849100" y="6934200"/>
            <a:ext cx="992188" cy="288925"/>
          </a:xfrm>
          <a:prstGeom prst="rect">
            <a:avLst/>
          </a:prstGeom>
          <a:solidFill>
            <a:srgbClr val="FFFFFF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US" sz="1800" dirty="0">
              <a:solidFill>
                <a:srgbClr val="000000"/>
              </a:solidFill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3040083" y="4853214"/>
            <a:ext cx="3392013" cy="626701"/>
          </a:xfrm>
          <a:prstGeom prst="rect">
            <a:avLst/>
          </a:prstGeom>
          <a:noFill/>
        </p:spPr>
        <p:txBody>
          <a:bodyPr wrap="none" lIns="36000" tIns="36000" rIns="36000" bIns="36000" rtlCol="0">
            <a:prstTxWarp prst="textPlain">
              <a:avLst/>
            </a:prstTxWarp>
            <a:spAutoFit/>
          </a:bodyPr>
          <a:lstStyle/>
          <a:p>
            <a:r>
              <a:rPr lang="en-US" sz="1800" b="1" dirty="0">
                <a:solidFill>
                  <a:schemeClr val="bg2"/>
                </a:solidFill>
              </a:rPr>
              <a:t>QUESTIONS</a:t>
            </a:r>
          </a:p>
        </p:txBody>
      </p:sp>
      <p:sp>
        <p:nvSpPr>
          <p:cNvPr id="9" name="Oval 8"/>
          <p:cNvSpPr/>
          <p:nvPr/>
        </p:nvSpPr>
        <p:spPr>
          <a:xfrm>
            <a:off x="6981371" y="2583543"/>
            <a:ext cx="3744685" cy="3744685"/>
          </a:xfrm>
          <a:prstGeom prst="ellipse">
            <a:avLst/>
          </a:prstGeom>
          <a:solidFill>
            <a:srgbClr val="FFFFFF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US" sz="1800" dirty="0">
              <a:solidFill>
                <a:srgbClr val="000000"/>
              </a:solidFill>
            </a:endParaRPr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B2F012B3-96E1-0447-A557-DC3357E432F0}"/>
              </a:ext>
            </a:extLst>
          </p:cNvPr>
          <p:cNvPicPr>
            <a:picLocks noChangeAspect="1"/>
          </p:cNvPicPr>
          <p:nvPr/>
        </p:nvPicPr>
        <p:blipFill>
          <a:blip r:embed="rId2">
            <a:duotone>
              <a:prstClr val="black"/>
              <a:srgbClr val="009051">
                <a:tint val="45000"/>
                <a:satMod val="400000"/>
              </a:srgbClr>
            </a:duotone>
            <a:extLst>
              <a:ext uri="{BEBA8EAE-BF5A-486C-A8C5-ECC9F3942E4B}">
                <a14:imgProps xmlns:a14="http://schemas.microsoft.com/office/drawing/2010/main">
                  <a14:imgLayer>
                    <a14:imgEffect>
                      <a14:artisticPhotocopy/>
                    </a14:imgEffect>
                    <a14:imgEffect>
                      <a14:colorTemperature colorTemp="11200"/>
                    </a14:imgEffect>
                  </a14:imgLayer>
                </a14:imgProps>
              </a:ext>
            </a:extLst>
          </a:blip>
          <a:stretch>
            <a:fillRect/>
          </a:stretch>
        </p:blipFill>
        <p:spPr>
          <a:xfrm>
            <a:off x="7442164" y="3009070"/>
            <a:ext cx="2695747" cy="269574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48443062"/>
      </p:ext>
    </p:extLst>
  </p:cSld>
  <p:clrMapOvr>
    <a:masterClrMapping/>
  </p:clrMapOvr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BainBulletsConfiguration" hidden="1"/>
          <p:cNvSpPr txBox="1"/>
          <p:nvPr/>
        </p:nvSpPr>
        <p:spPr>
          <a:xfrm>
            <a:off x="1711539" y="331826"/>
            <a:ext cx="8101687" cy="81189"/>
          </a:xfrm>
          <a:prstGeom prst="rect">
            <a:avLst/>
          </a:prstGeom>
          <a:noFill/>
        </p:spPr>
        <p:txBody>
          <a:bodyPr vert="horz" wrap="square" lIns="32808" tIns="32808" rIns="32808" bIns="32808" rtlCol="0">
            <a:spAutoFit/>
          </a:bodyPr>
          <a:lstStyle/>
          <a:p>
            <a:r>
              <a:rPr lang="en-US" sz="100">
                <a:solidFill>
                  <a:srgbClr val="FFFFFF"/>
                </a:solidFill>
              </a:rPr>
              <a:t>8_84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8" name="Agenda"/>
          <p:cNvSpPr txBox="1"/>
          <p:nvPr>
            <p:custDataLst>
              <p:tags r:id="rId2"/>
            </p:custDataLst>
          </p:nvPr>
        </p:nvSpPr>
        <p:spPr>
          <a:xfrm>
            <a:off x="623888" y="1835289"/>
            <a:ext cx="11593512" cy="5031719"/>
          </a:xfrm>
          <a:prstGeom prst="rect">
            <a:avLst/>
          </a:prstGeom>
          <a:noFill/>
        </p:spPr>
        <p:txBody>
          <a:bodyPr vert="horz" wrap="square" lIns="32808" tIns="32808" rIns="32808" bIns="32808" rtlCol="0">
            <a:spAutoFit/>
          </a:bodyPr>
          <a:lstStyle/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PROBLEM STATEMENT</a:t>
            </a:r>
            <a:br>
              <a:rPr lang="en-US" sz="2400" b="1" dirty="0"/>
            </a:br>
            <a:r>
              <a:rPr lang="en-US" dirty="0"/>
              <a:t>Current problem plaguing the sector and scope of opportunities</a:t>
            </a:r>
          </a:p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SOLUTION AND INVESTMENT THESIS</a:t>
            </a:r>
            <a:br>
              <a:rPr lang="en-US" sz="2400" dirty="0"/>
            </a:br>
            <a:r>
              <a:rPr lang="en-US" sz="2000" dirty="0"/>
              <a:t>How we plan to solve the problem and create financial value at the same time</a:t>
            </a:r>
            <a:endParaRPr lang="en-US" sz="2000" b="1" dirty="0"/>
          </a:p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IMPLEMENTATION ASPECTS</a:t>
            </a:r>
            <a:br>
              <a:rPr lang="en-US" sz="2400" dirty="0"/>
            </a:br>
            <a:r>
              <a:rPr lang="en-US" sz="2000" dirty="0"/>
              <a:t>Finer executional details contributing to the success of the project</a:t>
            </a:r>
          </a:p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IMPACT</a:t>
            </a:r>
            <a:br>
              <a:rPr lang="en-US" sz="2400" dirty="0"/>
            </a:br>
            <a:r>
              <a:rPr lang="en-US" sz="2000" dirty="0"/>
              <a:t>Benefits accrued to the society, farmers and the investors</a:t>
            </a:r>
          </a:p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APPENDIX</a:t>
            </a:r>
            <a:br>
              <a:rPr lang="en-US" sz="2400" dirty="0"/>
            </a:br>
            <a:r>
              <a:rPr lang="en-US" sz="2000" dirty="0"/>
              <a:t>Deep dive into specific aspects for further discussions</a:t>
            </a:r>
          </a:p>
        </p:txBody>
      </p:sp>
      <p:sp>
        <p:nvSpPr>
          <p:cNvPr id="9" name="Rectangle 8"/>
          <p:cNvSpPr/>
          <p:nvPr/>
        </p:nvSpPr>
        <p:spPr>
          <a:xfrm>
            <a:off x="88" y="818079"/>
            <a:ext cx="12900483" cy="735299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US" sz="2000" dirty="0">
              <a:solidFill>
                <a:srgbClr val="FFFFFF"/>
              </a:solidFill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653573" y="903155"/>
            <a:ext cx="6826189" cy="565146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3200" b="1" dirty="0">
                <a:solidFill>
                  <a:schemeClr val="bg2"/>
                </a:solidFill>
              </a:rPr>
              <a:t>Agenda</a:t>
            </a:r>
          </a:p>
        </p:txBody>
      </p:sp>
      <p:sp>
        <p:nvSpPr>
          <p:cNvPr id="6" name="Rectangle 5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cxnSp>
        <p:nvCxnSpPr>
          <p:cNvPr id="12" name="Straight Connector 11">
            <a:extLst>
              <a:ext uri="{FF2B5EF4-FFF2-40B4-BE49-F238E27FC236}">
                <a16:creationId xmlns:a16="http://schemas.microsoft.com/office/drawing/2014/main" id="{2C0CB7F0-DB6F-9C48-A07B-ABF1B0140FAE}"/>
              </a:ext>
            </a:extLst>
          </p:cNvPr>
          <p:cNvCxnSpPr/>
          <p:nvPr/>
        </p:nvCxnSpPr>
        <p:spPr>
          <a:xfrm>
            <a:off x="490330" y="6131816"/>
            <a:ext cx="0" cy="665757"/>
          </a:xfrm>
          <a:prstGeom prst="line">
            <a:avLst/>
          </a:prstGeom>
          <a:ln w="76200">
            <a:solidFill>
              <a:srgbClr val="00905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1"/>
    </p:custDataLst>
    <p:extLst>
      <p:ext uri="{BB962C8B-B14F-4D97-AF65-F5344CB8AC3E}">
        <p14:creationId xmlns:p14="http://schemas.microsoft.com/office/powerpoint/2010/main" val="2491011530"/>
      </p:ext>
    </p:extLst>
  </p:cSld>
  <p:clrMapOvr>
    <a:masterClrMapping/>
  </p:clrMapOvr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1">
            <a:extLst>
              <a:ext uri="{FF2B5EF4-FFF2-40B4-BE49-F238E27FC236}">
                <a16:creationId xmlns:a16="http://schemas.microsoft.com/office/drawing/2014/main" id="{1B794D5C-E03D-CC4B-8947-C3F9285D4CCF}"/>
              </a:ext>
            </a:extLst>
          </p:cNvPr>
          <p:cNvSpPr txBox="1">
            <a:spLocks/>
          </p:cNvSpPr>
          <p:nvPr/>
        </p:nvSpPr>
        <p:spPr bwMode="gray">
          <a:xfrm>
            <a:off x="236498" y="95913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Appendix  </a:t>
            </a:r>
            <a:endParaRPr lang="en-US" sz="2400" b="1" dirty="0">
              <a:solidFill>
                <a:srgbClr val="009051"/>
              </a:solidFill>
            </a:endParaRPr>
          </a:p>
        </p:txBody>
      </p:sp>
      <p:sp>
        <p:nvSpPr>
          <p:cNvPr id="5" name="Agenda">
            <a:extLst>
              <a:ext uri="{FF2B5EF4-FFF2-40B4-BE49-F238E27FC236}">
                <a16:creationId xmlns:a16="http://schemas.microsoft.com/office/drawing/2014/main" id="{2ADA4253-DF2D-5F4B-B1E4-21389753DDDB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236498" y="833757"/>
            <a:ext cx="11610980" cy="6021733"/>
          </a:xfrm>
          <a:prstGeom prst="rect">
            <a:avLst/>
          </a:prstGeom>
          <a:noFill/>
        </p:spPr>
        <p:txBody>
          <a:bodyPr vert="horz" wrap="square" lIns="32808" tIns="32808" rIns="32808" bIns="32808" rtlCol="0">
            <a:spAutoFit/>
          </a:bodyPr>
          <a:lstStyle/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3" action="ppaction://hlinksldjump"/>
              </a:rPr>
              <a:t>Our Mentors</a:t>
            </a:r>
            <a:endParaRPr lang="en-US" dirty="0">
              <a:solidFill>
                <a:prstClr val="black"/>
              </a:solidFill>
              <a:hlinkClick r:id="rId4" action="ppaction://hlinksldjump"/>
            </a:endParaRPr>
          </a:p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4" action="ppaction://hlinksldjump"/>
              </a:rPr>
              <a:t>Business Model Explanation</a:t>
            </a:r>
            <a:endParaRPr lang="en-US" dirty="0">
              <a:solidFill>
                <a:prstClr val="black"/>
              </a:solidFill>
            </a:endParaRPr>
          </a:p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5" action="ppaction://hlinksldjump"/>
              </a:rPr>
              <a:t>Scope of Opportunity for Agriculture in India</a:t>
            </a:r>
          </a:p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5" action="ppaction://hlinksldjump"/>
              </a:rPr>
              <a:t>Selection of Farm Land and Farmer</a:t>
            </a:r>
            <a:endParaRPr lang="en-US" dirty="0">
              <a:solidFill>
                <a:prstClr val="black"/>
              </a:solidFill>
            </a:endParaRPr>
          </a:p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6" action="ppaction://hlinksldjump"/>
              </a:rPr>
              <a:t>Target investors Proposition</a:t>
            </a:r>
            <a:endParaRPr lang="en-US" dirty="0">
              <a:solidFill>
                <a:prstClr val="black"/>
              </a:solidFill>
            </a:endParaRPr>
          </a:p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7" action="ppaction://hlinksldjump"/>
              </a:rPr>
              <a:t>Share Classes in the Fund</a:t>
            </a:r>
            <a:endParaRPr lang="en-US" dirty="0">
              <a:solidFill>
                <a:prstClr val="black"/>
              </a:solidFill>
            </a:endParaRPr>
          </a:p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8" action="ppaction://hlinksldjump"/>
              </a:rPr>
              <a:t>Priority of Cashflows in the </a:t>
            </a:r>
            <a:r>
              <a:rPr lang="en-US" u="sng" dirty="0">
                <a:solidFill>
                  <a:prstClr val="black"/>
                </a:solidFill>
              </a:rPr>
              <a:t>Fund</a:t>
            </a:r>
          </a:p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9" action="ppaction://hlinksldjump"/>
              </a:rPr>
              <a:t>Investor Return Benchmarking with the Market</a:t>
            </a:r>
            <a:endParaRPr lang="en-US" dirty="0">
              <a:solidFill>
                <a:prstClr val="black"/>
              </a:solidFill>
            </a:endParaRPr>
          </a:p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10" action="ppaction://hlinksldjump"/>
              </a:rPr>
              <a:t>Legal / Political Framework Supporting Our Fund</a:t>
            </a:r>
            <a:endParaRPr lang="en-US" dirty="0">
              <a:solidFill>
                <a:prstClr val="black"/>
              </a:solidFill>
            </a:endParaRPr>
          </a:p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11" action="ppaction://hlinksldjump"/>
              </a:rPr>
              <a:t>Government Policies in Alignment with the Fund</a:t>
            </a:r>
            <a:endParaRPr lang="en-US" dirty="0">
              <a:solidFill>
                <a:prstClr val="black"/>
              </a:solidFill>
            </a:endParaRPr>
          </a:p>
          <a:p>
            <a:pPr marL="34290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12" action="ppaction://hlinksldjump"/>
              </a:rPr>
              <a:t>Dig Deep on Achievement of Sustainable Development Goals </a:t>
            </a:r>
            <a:endParaRPr lang="en-US" dirty="0">
              <a:solidFill>
                <a:prstClr val="black"/>
              </a:solidFill>
            </a:endParaRPr>
          </a:p>
          <a:p>
            <a:pPr marL="34290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13" action="ppaction://hlinksldjump"/>
              </a:rPr>
              <a:t>Scalability of the Fund</a:t>
            </a:r>
            <a:endParaRPr lang="en-US" dirty="0">
              <a:solidFill>
                <a:prstClr val="black"/>
              </a:solidFill>
            </a:endParaRPr>
          </a:p>
          <a:p>
            <a:pPr marL="34290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14" action="ppaction://hlinksldjump"/>
              </a:rPr>
              <a:t>Potential Market Partners: </a:t>
            </a:r>
            <a:r>
              <a:rPr lang="en-US" dirty="0" err="1">
                <a:solidFill>
                  <a:prstClr val="black"/>
                </a:solidFill>
                <a:hlinkClick r:id="rId14" action="ppaction://hlinksldjump"/>
              </a:rPr>
              <a:t>Ninjacart</a:t>
            </a:r>
            <a:endParaRPr lang="en-US" dirty="0">
              <a:solidFill>
                <a:prstClr val="black"/>
              </a:solidFill>
            </a:endParaRPr>
          </a:p>
          <a:p>
            <a:pPr marL="34290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15" action="ppaction://hlinksldjump"/>
              </a:rPr>
              <a:t>Potential Methods for Improving Farm Yields</a:t>
            </a:r>
          </a:p>
          <a:p>
            <a:pPr marL="34290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15" action="ppaction://hlinksldjump"/>
              </a:rPr>
              <a:t>Excel Model Assumptions</a:t>
            </a:r>
            <a:endParaRPr lang="en-US" dirty="0">
              <a:solidFill>
                <a:prstClr val="black"/>
              </a:solidFill>
            </a:endParaRPr>
          </a:p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16" action="ppaction://hlinksldjump"/>
              </a:rPr>
              <a:t>Excel Model for the Pilot</a:t>
            </a:r>
            <a:endParaRPr lang="en-US" dirty="0">
              <a:solidFill>
                <a:prstClr val="black"/>
              </a:solidFill>
            </a:endParaRPr>
          </a:p>
          <a:p>
            <a:pPr marL="34290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17" action="ppaction://hlinksldjump"/>
              </a:rPr>
              <a:t>Revenue Breakup for the Pilot</a:t>
            </a:r>
            <a:endParaRPr lang="en-US" dirty="0">
              <a:solidFill>
                <a:prstClr val="black"/>
              </a:solidFill>
            </a:endParaRPr>
          </a:p>
          <a:p>
            <a:pPr marL="34290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18" action="ppaction://hlinksldjump"/>
              </a:rPr>
              <a:t>Sensitivity of investor Return with Land Purchase Price</a:t>
            </a:r>
            <a:endParaRPr lang="en-US" dirty="0">
              <a:solidFill>
                <a:prstClr val="black"/>
              </a:solidFill>
            </a:endParaRPr>
          </a:p>
          <a:p>
            <a:pPr marL="342900" lvl="0" indent="-342900">
              <a:spcBef>
                <a:spcPts val="300"/>
              </a:spcBef>
              <a:buSzPct val="100000"/>
              <a:buFont typeface="+mj-lt"/>
              <a:buAutoNum type="arabicPeriod"/>
            </a:pPr>
            <a:r>
              <a:rPr lang="en-US" dirty="0">
                <a:solidFill>
                  <a:prstClr val="black"/>
                </a:solidFill>
                <a:hlinkClick r:id="rId19" action="ppaction://hlinksldjump"/>
              </a:rPr>
              <a:t>Success Case Study of an Indian Farmer</a:t>
            </a:r>
            <a:endParaRPr lang="en-US" dirty="0">
              <a:solidFill>
                <a:prstClr val="black"/>
              </a:solidFill>
            </a:endParaRPr>
          </a:p>
        </p:txBody>
      </p:sp>
      <p:sp>
        <p:nvSpPr>
          <p:cNvPr id="4" name="Rectangle 3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284987304"/>
      </p:ext>
    </p:extLst>
  </p:cSld>
  <p:clrMapOvr>
    <a:masterClrMapping/>
  </p:clrMapOvr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1">
            <a:extLst>
              <a:ext uri="{FF2B5EF4-FFF2-40B4-BE49-F238E27FC236}">
                <a16:creationId xmlns:a16="http://schemas.microsoft.com/office/drawing/2014/main" id="{D5B1C0A7-38E7-4248-A5DE-0D739461F8F3}"/>
              </a:ext>
            </a:extLst>
          </p:cNvPr>
          <p:cNvSpPr txBox="1">
            <a:spLocks/>
          </p:cNvSpPr>
          <p:nvPr/>
        </p:nvSpPr>
        <p:spPr bwMode="gray">
          <a:xfrm>
            <a:off x="236498" y="308222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Advisors and mentors</a:t>
            </a:r>
          </a:p>
        </p:txBody>
      </p:sp>
      <p:sp>
        <p:nvSpPr>
          <p:cNvPr id="23" name="Rectangle 22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24" name="Rectangle 23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grpSp>
        <p:nvGrpSpPr>
          <p:cNvPr id="2" name="Group 1">
            <a:extLst>
              <a:ext uri="{FF2B5EF4-FFF2-40B4-BE49-F238E27FC236}">
                <a16:creationId xmlns:a16="http://schemas.microsoft.com/office/drawing/2014/main" id="{905CD68F-437F-4B85-A58D-4FA5B061B738}"/>
              </a:ext>
            </a:extLst>
          </p:cNvPr>
          <p:cNvGrpSpPr/>
          <p:nvPr/>
        </p:nvGrpSpPr>
        <p:grpSpPr>
          <a:xfrm>
            <a:off x="459517" y="1118113"/>
            <a:ext cx="5976001" cy="2678834"/>
            <a:chOff x="236494" y="1332266"/>
            <a:chExt cx="3884908" cy="2678834"/>
          </a:xfrm>
        </p:grpSpPr>
        <p:sp>
          <p:nvSpPr>
            <p:cNvPr id="25" name="Rectangle 24">
              <a:extLst>
                <a:ext uri="{FF2B5EF4-FFF2-40B4-BE49-F238E27FC236}">
                  <a16:creationId xmlns:a16="http://schemas.microsoft.com/office/drawing/2014/main" id="{73B14AFF-F649-4B94-AE84-00641E41ABB8}"/>
                </a:ext>
              </a:extLst>
            </p:cNvPr>
            <p:cNvSpPr/>
            <p:nvPr/>
          </p:nvSpPr>
          <p:spPr>
            <a:xfrm>
              <a:off x="236494" y="1851100"/>
              <a:ext cx="3884908" cy="2160000"/>
            </a:xfrm>
            <a:prstGeom prst="rect">
              <a:avLst/>
            </a:prstGeom>
            <a:solidFill>
              <a:srgbClr val="DDDDD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285750" indent="-196850">
                <a:lnSpc>
                  <a:spcPct val="150000"/>
                </a:lnSpc>
                <a:buFont typeface="Arial" panose="020B0604020202020204" pitchFamily="34" charset="0"/>
                <a:buChar char="•"/>
              </a:pPr>
              <a:r>
                <a:rPr lang="en-US" sz="1400" b="1" dirty="0">
                  <a:solidFill>
                    <a:srgbClr val="000000"/>
                  </a:solidFill>
                </a:rPr>
                <a:t>Ana </a:t>
              </a:r>
              <a:r>
                <a:rPr lang="en-US" sz="1400" b="1" dirty="0" err="1">
                  <a:solidFill>
                    <a:srgbClr val="000000"/>
                  </a:solidFill>
                </a:rPr>
                <a:t>Raviña</a:t>
              </a:r>
              <a:r>
                <a:rPr lang="en-US" sz="1400" b="1" dirty="0">
                  <a:solidFill>
                    <a:srgbClr val="000000"/>
                  </a:solidFill>
                </a:rPr>
                <a:t> </a:t>
              </a:r>
              <a:r>
                <a:rPr lang="en-US" sz="1400" dirty="0">
                  <a:solidFill>
                    <a:srgbClr val="000000"/>
                  </a:solidFill>
                </a:rPr>
                <a:t>- Manager, ISF Advisors</a:t>
              </a:r>
            </a:p>
            <a:p>
              <a:pPr marL="285750" indent="-196850">
                <a:lnSpc>
                  <a:spcPct val="150000"/>
                </a:lnSpc>
                <a:buFont typeface="Arial" panose="020B0604020202020204" pitchFamily="34" charset="0"/>
                <a:buChar char="•"/>
              </a:pPr>
              <a:r>
                <a:rPr lang="en-US" sz="1400" b="1" dirty="0">
                  <a:solidFill>
                    <a:srgbClr val="000000"/>
                  </a:solidFill>
                </a:rPr>
                <a:t>Raghav Chandra </a:t>
              </a:r>
              <a:r>
                <a:rPr lang="en-US" sz="1400" dirty="0">
                  <a:solidFill>
                    <a:srgbClr val="000000"/>
                  </a:solidFill>
                </a:rPr>
                <a:t>– Former Chief Secretary, Tribal Affairs Ministry, Government of  India</a:t>
              </a:r>
            </a:p>
            <a:p>
              <a:pPr marL="285750" indent="-196850">
                <a:lnSpc>
                  <a:spcPct val="150000"/>
                </a:lnSpc>
                <a:buFont typeface="Arial" panose="020B0604020202020204" pitchFamily="34" charset="0"/>
                <a:buChar char="•"/>
              </a:pPr>
              <a:r>
                <a:rPr lang="en-US" sz="1400" b="1" dirty="0" err="1">
                  <a:solidFill>
                    <a:srgbClr val="000000"/>
                  </a:solidFill>
                </a:rPr>
                <a:t>Aatish</a:t>
              </a:r>
              <a:r>
                <a:rPr lang="en-US" sz="1400" b="1" dirty="0">
                  <a:solidFill>
                    <a:srgbClr val="000000"/>
                  </a:solidFill>
                </a:rPr>
                <a:t> Pandit </a:t>
              </a:r>
              <a:r>
                <a:rPr lang="en-US" sz="1400" dirty="0">
                  <a:solidFill>
                    <a:srgbClr val="000000"/>
                  </a:solidFill>
                </a:rPr>
                <a:t>-</a:t>
              </a:r>
              <a:r>
                <a:rPr lang="en-US" sz="1400" b="1" dirty="0">
                  <a:solidFill>
                    <a:srgbClr val="000000"/>
                  </a:solidFill>
                </a:rPr>
                <a:t> </a:t>
              </a:r>
              <a:r>
                <a:rPr lang="en-US" sz="1400" dirty="0">
                  <a:solidFill>
                    <a:srgbClr val="000000"/>
                  </a:solidFill>
                </a:rPr>
                <a:t>Associate, McKinsey &amp; Company</a:t>
              </a:r>
            </a:p>
            <a:p>
              <a:pPr marL="285750" indent="-196850">
                <a:lnSpc>
                  <a:spcPct val="150000"/>
                </a:lnSpc>
                <a:buFont typeface="Arial" panose="020B0604020202020204" pitchFamily="34" charset="0"/>
                <a:buChar char="•"/>
              </a:pPr>
              <a:r>
                <a:rPr lang="en-US" sz="1400" b="1" dirty="0">
                  <a:solidFill>
                    <a:srgbClr val="000000"/>
                  </a:solidFill>
                </a:rPr>
                <a:t>Ravi </a:t>
              </a:r>
              <a:r>
                <a:rPr lang="en-US" sz="1400" b="1" dirty="0" err="1">
                  <a:solidFill>
                    <a:srgbClr val="000000"/>
                  </a:solidFill>
                </a:rPr>
                <a:t>Saund</a:t>
              </a:r>
              <a:r>
                <a:rPr lang="en-US" sz="1400" b="1" dirty="0">
                  <a:solidFill>
                    <a:srgbClr val="000000"/>
                  </a:solidFill>
                </a:rPr>
                <a:t> – </a:t>
              </a:r>
              <a:r>
                <a:rPr lang="en-US" sz="1400" dirty="0">
                  <a:solidFill>
                    <a:srgbClr val="000000"/>
                  </a:solidFill>
                </a:rPr>
                <a:t>Founding Director, </a:t>
              </a:r>
              <a:r>
                <a:rPr lang="en-US" sz="1400" dirty="0" err="1">
                  <a:solidFill>
                    <a:srgbClr val="000000"/>
                  </a:solidFill>
                </a:rPr>
                <a:t>Emperium</a:t>
              </a:r>
              <a:r>
                <a:rPr lang="en-US" sz="1400" dirty="0">
                  <a:solidFill>
                    <a:srgbClr val="000000"/>
                  </a:solidFill>
                </a:rPr>
                <a:t> Realty Pvt. Ltd.</a:t>
              </a:r>
            </a:p>
            <a:p>
              <a:pPr marL="285750" indent="-196850">
                <a:lnSpc>
                  <a:spcPct val="150000"/>
                </a:lnSpc>
                <a:buFont typeface="Arial" panose="020B0604020202020204" pitchFamily="34" charset="0"/>
                <a:buChar char="•"/>
              </a:pPr>
              <a:r>
                <a:rPr lang="en-US" sz="1400" b="1" dirty="0">
                  <a:solidFill>
                    <a:srgbClr val="000000"/>
                  </a:solidFill>
                </a:rPr>
                <a:t>Amit Jain </a:t>
              </a:r>
              <a:r>
                <a:rPr lang="en-US" sz="1400" dirty="0">
                  <a:solidFill>
                    <a:srgbClr val="000000"/>
                  </a:solidFill>
                </a:rPr>
                <a:t>– Group CEO, EMAAR</a:t>
              </a:r>
              <a:endParaRPr lang="en-US" sz="1400" b="1" dirty="0">
                <a:solidFill>
                  <a:srgbClr val="000000"/>
                </a:solidFill>
              </a:endParaRPr>
            </a:p>
          </p:txBody>
        </p:sp>
        <p:sp>
          <p:nvSpPr>
            <p:cNvPr id="26" name="Rectangle 25">
              <a:extLst>
                <a:ext uri="{FF2B5EF4-FFF2-40B4-BE49-F238E27FC236}">
                  <a16:creationId xmlns:a16="http://schemas.microsoft.com/office/drawing/2014/main" id="{433CBA8C-4C17-4A71-A758-A0882C055350}"/>
                </a:ext>
              </a:extLst>
            </p:cNvPr>
            <p:cNvSpPr/>
            <p:nvPr/>
          </p:nvSpPr>
          <p:spPr>
            <a:xfrm>
              <a:off x="236497" y="1332266"/>
              <a:ext cx="3884905" cy="518836"/>
            </a:xfrm>
            <a:prstGeom prst="rect">
              <a:avLst/>
            </a:prstGeom>
            <a:solidFill>
              <a:srgbClr val="009051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600" b="1" dirty="0">
                  <a:solidFill>
                    <a:schemeClr val="bg2"/>
                  </a:solidFill>
                </a:rPr>
                <a:t>General Advisors and Mentors</a:t>
              </a:r>
            </a:p>
          </p:txBody>
        </p:sp>
      </p:grpSp>
      <p:grpSp>
        <p:nvGrpSpPr>
          <p:cNvPr id="28" name="Group 27">
            <a:extLst>
              <a:ext uri="{FF2B5EF4-FFF2-40B4-BE49-F238E27FC236}">
                <a16:creationId xmlns:a16="http://schemas.microsoft.com/office/drawing/2014/main" id="{17DDB2F0-35B0-46BF-A65D-891542580059}"/>
              </a:ext>
            </a:extLst>
          </p:cNvPr>
          <p:cNvGrpSpPr/>
          <p:nvPr/>
        </p:nvGrpSpPr>
        <p:grpSpPr>
          <a:xfrm>
            <a:off x="6674776" y="1079701"/>
            <a:ext cx="5940000" cy="2678836"/>
            <a:chOff x="236495" y="1332266"/>
            <a:chExt cx="3861504" cy="2678836"/>
          </a:xfrm>
        </p:grpSpPr>
        <p:sp>
          <p:nvSpPr>
            <p:cNvPr id="29" name="Rectangle 28">
              <a:extLst>
                <a:ext uri="{FF2B5EF4-FFF2-40B4-BE49-F238E27FC236}">
                  <a16:creationId xmlns:a16="http://schemas.microsoft.com/office/drawing/2014/main" id="{A461CCE8-59B0-4133-81D8-ADB87770FAFC}"/>
                </a:ext>
              </a:extLst>
            </p:cNvPr>
            <p:cNvSpPr/>
            <p:nvPr/>
          </p:nvSpPr>
          <p:spPr>
            <a:xfrm>
              <a:off x="236495" y="1851102"/>
              <a:ext cx="3861504" cy="2160000"/>
            </a:xfrm>
            <a:prstGeom prst="rect">
              <a:avLst/>
            </a:prstGeom>
            <a:solidFill>
              <a:srgbClr val="DDDDD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285750" indent="-196850">
                <a:lnSpc>
                  <a:spcPct val="150000"/>
                </a:lnSpc>
                <a:buFont typeface="Arial" panose="020B0604020202020204" pitchFamily="34" charset="0"/>
                <a:buChar char="•"/>
              </a:pPr>
              <a:r>
                <a:rPr lang="en-US" sz="1400" b="1" dirty="0">
                  <a:solidFill>
                    <a:srgbClr val="000000"/>
                  </a:solidFill>
                </a:rPr>
                <a:t>Anurag Kashyap </a:t>
              </a:r>
              <a:r>
                <a:rPr lang="en-US" sz="1400" dirty="0">
                  <a:solidFill>
                    <a:srgbClr val="000000"/>
                  </a:solidFill>
                </a:rPr>
                <a:t>– Landlord and MBA in Agriculture &amp; Food Management </a:t>
              </a:r>
            </a:p>
            <a:p>
              <a:pPr marL="285750" indent="-196850">
                <a:lnSpc>
                  <a:spcPct val="150000"/>
                </a:lnSpc>
                <a:buFont typeface="Arial" panose="020B0604020202020204" pitchFamily="34" charset="0"/>
                <a:buChar char="•"/>
              </a:pPr>
              <a:r>
                <a:rPr lang="en-US" sz="1400" b="1" dirty="0" err="1">
                  <a:solidFill>
                    <a:srgbClr val="000000"/>
                  </a:solidFill>
                </a:rPr>
                <a:t>Amlan</a:t>
              </a:r>
              <a:r>
                <a:rPr lang="en-US" sz="1400" b="1" dirty="0">
                  <a:solidFill>
                    <a:srgbClr val="000000"/>
                  </a:solidFill>
                </a:rPr>
                <a:t> Patnaik - </a:t>
              </a:r>
              <a:r>
                <a:rPr lang="en-US" sz="1400" dirty="0">
                  <a:solidFill>
                    <a:srgbClr val="000000"/>
                  </a:solidFill>
                </a:rPr>
                <a:t>Founder, </a:t>
              </a:r>
              <a:r>
                <a:rPr lang="en-US" sz="1400" dirty="0" err="1">
                  <a:solidFill>
                    <a:srgbClr val="000000"/>
                  </a:solidFill>
                </a:rPr>
                <a:t>Nudgetech</a:t>
              </a:r>
              <a:endParaRPr lang="en-US" sz="1400" dirty="0">
                <a:solidFill>
                  <a:srgbClr val="000000"/>
                </a:solidFill>
              </a:endParaRPr>
            </a:p>
            <a:p>
              <a:pPr marL="285750" indent="-196850">
                <a:lnSpc>
                  <a:spcPct val="150000"/>
                </a:lnSpc>
                <a:buFont typeface="Arial" panose="020B0604020202020204" pitchFamily="34" charset="0"/>
                <a:buChar char="•"/>
              </a:pPr>
              <a:r>
                <a:rPr lang="en-US" sz="1400" b="1" dirty="0" err="1">
                  <a:solidFill>
                    <a:srgbClr val="000000"/>
                  </a:solidFill>
                </a:rPr>
                <a:t>Aastha</a:t>
              </a:r>
              <a:r>
                <a:rPr lang="en-US" sz="1400" b="1" dirty="0">
                  <a:solidFill>
                    <a:srgbClr val="000000"/>
                  </a:solidFill>
                </a:rPr>
                <a:t> Gulati- </a:t>
              </a:r>
              <a:r>
                <a:rPr lang="en-US" sz="1400" dirty="0">
                  <a:solidFill>
                    <a:srgbClr val="000000"/>
                  </a:solidFill>
                </a:rPr>
                <a:t>Author (Extreme Rainfall Events); </a:t>
              </a:r>
              <a:r>
                <a:rPr lang="en-US" sz="1400" dirty="0" err="1">
                  <a:solidFill>
                    <a:srgbClr val="000000"/>
                  </a:solidFill>
                </a:rPr>
                <a:t>Ph.D</a:t>
              </a:r>
              <a:r>
                <a:rPr lang="en-US" sz="1400" dirty="0">
                  <a:solidFill>
                    <a:srgbClr val="000000"/>
                  </a:solidFill>
                </a:rPr>
                <a:t> water resource management, TERI University</a:t>
              </a:r>
            </a:p>
            <a:p>
              <a:pPr marL="285750" indent="-196850">
                <a:lnSpc>
                  <a:spcPct val="150000"/>
                </a:lnSpc>
                <a:buFont typeface="Arial" panose="020B0604020202020204" pitchFamily="34" charset="0"/>
                <a:buChar char="•"/>
              </a:pPr>
              <a:r>
                <a:rPr lang="en-US" sz="1400" b="1" dirty="0">
                  <a:solidFill>
                    <a:srgbClr val="000000"/>
                  </a:solidFill>
                </a:rPr>
                <a:t>Kirti </a:t>
              </a:r>
              <a:r>
                <a:rPr lang="en-US" sz="1400" b="1" dirty="0" err="1">
                  <a:solidFill>
                    <a:srgbClr val="000000"/>
                  </a:solidFill>
                </a:rPr>
                <a:t>Naithani</a:t>
              </a:r>
              <a:r>
                <a:rPr lang="en-US" sz="1400" b="1" dirty="0">
                  <a:solidFill>
                    <a:srgbClr val="000000"/>
                  </a:solidFill>
                </a:rPr>
                <a:t> </a:t>
              </a:r>
              <a:r>
                <a:rPr lang="en-US" sz="1400" dirty="0">
                  <a:solidFill>
                    <a:srgbClr val="000000"/>
                  </a:solidFill>
                </a:rPr>
                <a:t>– Director, ICL Fertilizers Limited</a:t>
              </a:r>
            </a:p>
            <a:p>
              <a:pPr marL="285750" indent="-196850">
                <a:lnSpc>
                  <a:spcPct val="150000"/>
                </a:lnSpc>
                <a:buFont typeface="Arial" panose="020B0604020202020204" pitchFamily="34" charset="0"/>
                <a:buChar char="•"/>
              </a:pPr>
              <a:r>
                <a:rPr lang="en-US" sz="1400" b="1" dirty="0" err="1">
                  <a:solidFill>
                    <a:srgbClr val="000000"/>
                  </a:solidFill>
                </a:rPr>
                <a:t>Allhadini</a:t>
              </a:r>
              <a:r>
                <a:rPr lang="en-US" sz="1400" b="1" dirty="0">
                  <a:solidFill>
                    <a:srgbClr val="000000"/>
                  </a:solidFill>
                </a:rPr>
                <a:t> Patnaik </a:t>
              </a:r>
              <a:r>
                <a:rPr lang="en-US" sz="1400" dirty="0">
                  <a:solidFill>
                    <a:srgbClr val="000000"/>
                  </a:solidFill>
                </a:rPr>
                <a:t>– Landlady, Bihar</a:t>
              </a:r>
            </a:p>
          </p:txBody>
        </p:sp>
        <p:sp>
          <p:nvSpPr>
            <p:cNvPr id="30" name="Rectangle 29">
              <a:extLst>
                <a:ext uri="{FF2B5EF4-FFF2-40B4-BE49-F238E27FC236}">
                  <a16:creationId xmlns:a16="http://schemas.microsoft.com/office/drawing/2014/main" id="{84AACC2B-EA9A-4177-9BD4-868613D19DC2}"/>
                </a:ext>
              </a:extLst>
            </p:cNvPr>
            <p:cNvSpPr/>
            <p:nvPr/>
          </p:nvSpPr>
          <p:spPr>
            <a:xfrm>
              <a:off x="236497" y="1332266"/>
              <a:ext cx="3861500" cy="518836"/>
            </a:xfrm>
            <a:prstGeom prst="rect">
              <a:avLst/>
            </a:prstGeom>
            <a:solidFill>
              <a:srgbClr val="009051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600" b="1" dirty="0">
                  <a:solidFill>
                    <a:schemeClr val="bg2"/>
                  </a:solidFill>
                </a:rPr>
                <a:t>Agricultural Advisors and Mentors</a:t>
              </a:r>
            </a:p>
          </p:txBody>
        </p:sp>
      </p:grpSp>
      <p:grpSp>
        <p:nvGrpSpPr>
          <p:cNvPr id="31" name="Group 30">
            <a:extLst>
              <a:ext uri="{FF2B5EF4-FFF2-40B4-BE49-F238E27FC236}">
                <a16:creationId xmlns:a16="http://schemas.microsoft.com/office/drawing/2014/main" id="{8714DAA1-BB5C-479D-B217-8B774F52C031}"/>
              </a:ext>
            </a:extLst>
          </p:cNvPr>
          <p:cNvGrpSpPr/>
          <p:nvPr/>
        </p:nvGrpSpPr>
        <p:grpSpPr>
          <a:xfrm>
            <a:off x="477517" y="4034453"/>
            <a:ext cx="5940000" cy="2678836"/>
            <a:chOff x="236496" y="1332266"/>
            <a:chExt cx="3861505" cy="2678836"/>
          </a:xfrm>
        </p:grpSpPr>
        <p:sp>
          <p:nvSpPr>
            <p:cNvPr id="32" name="Rectangle 31">
              <a:extLst>
                <a:ext uri="{FF2B5EF4-FFF2-40B4-BE49-F238E27FC236}">
                  <a16:creationId xmlns:a16="http://schemas.microsoft.com/office/drawing/2014/main" id="{890CD975-736E-4B51-A8D2-CC05A89FEF17}"/>
                </a:ext>
              </a:extLst>
            </p:cNvPr>
            <p:cNvSpPr/>
            <p:nvPr/>
          </p:nvSpPr>
          <p:spPr>
            <a:xfrm>
              <a:off x="236496" y="1851102"/>
              <a:ext cx="3861505" cy="2160000"/>
            </a:xfrm>
            <a:prstGeom prst="rect">
              <a:avLst/>
            </a:prstGeom>
            <a:solidFill>
              <a:srgbClr val="DDDDD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285750" indent="-196850">
                <a:lnSpc>
                  <a:spcPct val="150000"/>
                </a:lnSpc>
                <a:buFont typeface="Arial" panose="020B0604020202020204" pitchFamily="34" charset="0"/>
                <a:buChar char="•"/>
              </a:pPr>
              <a:endParaRPr lang="en-US" sz="1400" b="1" dirty="0">
                <a:solidFill>
                  <a:srgbClr val="000000"/>
                </a:solidFill>
              </a:endParaRPr>
            </a:p>
            <a:p>
              <a:pPr marL="285750" indent="-196850">
                <a:lnSpc>
                  <a:spcPct val="150000"/>
                </a:lnSpc>
                <a:buFont typeface="Arial" panose="020B0604020202020204" pitchFamily="34" charset="0"/>
                <a:buChar char="•"/>
              </a:pPr>
              <a:r>
                <a:rPr lang="en-US" sz="1400" b="1" dirty="0">
                  <a:solidFill>
                    <a:srgbClr val="000000"/>
                  </a:solidFill>
                </a:rPr>
                <a:t>Shantanu Gupta - </a:t>
              </a:r>
              <a:r>
                <a:rPr lang="en-US" sz="1400" dirty="0">
                  <a:solidFill>
                    <a:srgbClr val="000000"/>
                  </a:solidFill>
                </a:rPr>
                <a:t>CFO/Director, Global Business Services, IBM</a:t>
              </a:r>
            </a:p>
            <a:p>
              <a:pPr marL="285750" indent="-196850">
                <a:lnSpc>
                  <a:spcPct val="150000"/>
                </a:lnSpc>
                <a:buFont typeface="Arial" panose="020B0604020202020204" pitchFamily="34" charset="0"/>
                <a:buChar char="•"/>
              </a:pPr>
              <a:r>
                <a:rPr lang="en-US" sz="1400" b="1" dirty="0" err="1">
                  <a:solidFill>
                    <a:schemeClr val="tx1"/>
                  </a:solidFill>
                </a:rPr>
                <a:t>Harshendu</a:t>
              </a:r>
              <a:r>
                <a:rPr lang="en-US" sz="1400" b="1" dirty="0">
                  <a:solidFill>
                    <a:schemeClr val="tx1"/>
                  </a:solidFill>
                </a:rPr>
                <a:t> </a:t>
              </a:r>
              <a:r>
                <a:rPr lang="en-US" sz="1400" b="1" dirty="0" err="1">
                  <a:solidFill>
                    <a:schemeClr val="tx1"/>
                  </a:solidFill>
                </a:rPr>
                <a:t>Bindal</a:t>
              </a:r>
              <a:r>
                <a:rPr lang="en-US" sz="1400" b="1" dirty="0">
                  <a:solidFill>
                    <a:schemeClr val="tx1"/>
                  </a:solidFill>
                </a:rPr>
                <a:t> </a:t>
              </a:r>
              <a:r>
                <a:rPr lang="en-US" sz="1400" dirty="0">
                  <a:solidFill>
                    <a:schemeClr val="tx1"/>
                  </a:solidFill>
                </a:rPr>
                <a:t>– Managing Director, </a:t>
              </a:r>
              <a:r>
                <a:rPr lang="en-IN" sz="1400" dirty="0">
                  <a:solidFill>
                    <a:schemeClr val="tx1"/>
                  </a:solidFill>
                </a:rPr>
                <a:t>Head of Digital Strategy and Wealth Management at Franklin Templeton</a:t>
              </a:r>
              <a:endParaRPr lang="en-US" sz="1400" dirty="0">
                <a:solidFill>
                  <a:srgbClr val="000000"/>
                </a:solidFill>
              </a:endParaRPr>
            </a:p>
            <a:p>
              <a:pPr marL="285750" indent="-196850">
                <a:lnSpc>
                  <a:spcPct val="150000"/>
                </a:lnSpc>
                <a:buFont typeface="Arial" panose="020B0604020202020204" pitchFamily="34" charset="0"/>
                <a:buChar char="•"/>
              </a:pPr>
              <a:r>
                <a:rPr lang="en-US" sz="1400" b="1" dirty="0" err="1">
                  <a:solidFill>
                    <a:srgbClr val="000000"/>
                  </a:solidFill>
                </a:rPr>
                <a:t>Sachit</a:t>
              </a:r>
              <a:r>
                <a:rPr lang="en-US" sz="1400" b="1" dirty="0">
                  <a:solidFill>
                    <a:srgbClr val="000000"/>
                  </a:solidFill>
                </a:rPr>
                <a:t> Sehgal </a:t>
              </a:r>
              <a:r>
                <a:rPr lang="en-US" sz="1400" dirty="0">
                  <a:solidFill>
                    <a:srgbClr val="000000"/>
                  </a:solidFill>
                </a:rPr>
                <a:t>- Senior Associate, PAG Asia</a:t>
              </a:r>
            </a:p>
            <a:p>
              <a:pPr marL="285750" indent="-196850">
                <a:lnSpc>
                  <a:spcPct val="150000"/>
                </a:lnSpc>
                <a:buFont typeface="Arial" panose="020B0604020202020204" pitchFamily="34" charset="0"/>
                <a:buChar char="•"/>
              </a:pPr>
              <a:r>
                <a:rPr lang="en-US" sz="1400" b="1" dirty="0">
                  <a:solidFill>
                    <a:srgbClr val="000000"/>
                  </a:solidFill>
                </a:rPr>
                <a:t>Akash Patel </a:t>
              </a:r>
              <a:r>
                <a:rPr lang="en-US" sz="1400" dirty="0">
                  <a:solidFill>
                    <a:srgbClr val="000000"/>
                  </a:solidFill>
                </a:rPr>
                <a:t>- Associate, </a:t>
              </a:r>
              <a:r>
                <a:rPr lang="en-US" sz="1400" dirty="0" err="1">
                  <a:solidFill>
                    <a:srgbClr val="000000"/>
                  </a:solidFill>
                </a:rPr>
                <a:t>AnaCap</a:t>
              </a:r>
              <a:r>
                <a:rPr lang="en-US" sz="1400" dirty="0">
                  <a:solidFill>
                    <a:srgbClr val="000000"/>
                  </a:solidFill>
                </a:rPr>
                <a:t> Financial Partners</a:t>
              </a:r>
            </a:p>
            <a:p>
              <a:pPr marL="285750" indent="-196850">
                <a:lnSpc>
                  <a:spcPct val="150000"/>
                </a:lnSpc>
                <a:buFont typeface="Arial" panose="020B0604020202020204" pitchFamily="34" charset="0"/>
                <a:buChar char="•"/>
              </a:pPr>
              <a:r>
                <a:rPr lang="en-US" sz="1400" b="1" dirty="0" err="1">
                  <a:solidFill>
                    <a:srgbClr val="000000"/>
                  </a:solidFill>
                </a:rPr>
                <a:t>Jainik</a:t>
              </a:r>
              <a:r>
                <a:rPr lang="en-US" sz="1400" b="1" dirty="0">
                  <a:solidFill>
                    <a:srgbClr val="000000"/>
                  </a:solidFill>
                </a:rPr>
                <a:t> Shah </a:t>
              </a:r>
              <a:r>
                <a:rPr lang="en-US" sz="1400" dirty="0">
                  <a:solidFill>
                    <a:srgbClr val="000000"/>
                  </a:solidFill>
                </a:rPr>
                <a:t>- Associate, IARC Pvt Ltd.</a:t>
              </a:r>
            </a:p>
            <a:p>
              <a:br>
                <a:rPr lang="en-IN" sz="1400" dirty="0">
                  <a:solidFill>
                    <a:schemeClr val="tx1"/>
                  </a:solidFill>
                </a:rPr>
              </a:br>
              <a:r>
                <a:rPr lang="en-US" sz="1400" dirty="0">
                  <a:solidFill>
                    <a:srgbClr val="000000"/>
                  </a:solidFill>
                </a:rPr>
                <a:t> </a:t>
              </a:r>
            </a:p>
          </p:txBody>
        </p:sp>
        <p:sp>
          <p:nvSpPr>
            <p:cNvPr id="35" name="Rectangle 34">
              <a:extLst>
                <a:ext uri="{FF2B5EF4-FFF2-40B4-BE49-F238E27FC236}">
                  <a16:creationId xmlns:a16="http://schemas.microsoft.com/office/drawing/2014/main" id="{B676DF90-76FD-4220-BAAD-99664E58E1D3}"/>
                </a:ext>
              </a:extLst>
            </p:cNvPr>
            <p:cNvSpPr/>
            <p:nvPr/>
          </p:nvSpPr>
          <p:spPr>
            <a:xfrm>
              <a:off x="236497" y="1332266"/>
              <a:ext cx="3861504" cy="518836"/>
            </a:xfrm>
            <a:prstGeom prst="rect">
              <a:avLst/>
            </a:prstGeom>
            <a:solidFill>
              <a:srgbClr val="009051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600" b="1" dirty="0">
                  <a:solidFill>
                    <a:schemeClr val="bg2"/>
                  </a:solidFill>
                </a:rPr>
                <a:t>Financial Advisors and Mentors</a:t>
              </a:r>
            </a:p>
          </p:txBody>
        </p:sp>
      </p:grpSp>
      <p:grpSp>
        <p:nvGrpSpPr>
          <p:cNvPr id="44" name="Group 43">
            <a:extLst>
              <a:ext uri="{FF2B5EF4-FFF2-40B4-BE49-F238E27FC236}">
                <a16:creationId xmlns:a16="http://schemas.microsoft.com/office/drawing/2014/main" id="{5AC34A62-C3BE-4E8E-B43B-4C767ED2E1C2}"/>
              </a:ext>
            </a:extLst>
          </p:cNvPr>
          <p:cNvGrpSpPr/>
          <p:nvPr/>
        </p:nvGrpSpPr>
        <p:grpSpPr>
          <a:xfrm>
            <a:off x="6674773" y="4021201"/>
            <a:ext cx="5940000" cy="2678836"/>
            <a:chOff x="236495" y="1332266"/>
            <a:chExt cx="3861504" cy="2678836"/>
          </a:xfrm>
        </p:grpSpPr>
        <p:sp>
          <p:nvSpPr>
            <p:cNvPr id="46" name="Rectangle 45">
              <a:extLst>
                <a:ext uri="{FF2B5EF4-FFF2-40B4-BE49-F238E27FC236}">
                  <a16:creationId xmlns:a16="http://schemas.microsoft.com/office/drawing/2014/main" id="{B6C09BAE-D2E7-4699-99AC-B8FCB223649E}"/>
                </a:ext>
              </a:extLst>
            </p:cNvPr>
            <p:cNvSpPr/>
            <p:nvPr/>
          </p:nvSpPr>
          <p:spPr>
            <a:xfrm>
              <a:off x="236495" y="1851102"/>
              <a:ext cx="3861504" cy="2160000"/>
            </a:xfrm>
            <a:prstGeom prst="rect">
              <a:avLst/>
            </a:prstGeom>
            <a:solidFill>
              <a:srgbClr val="DDDDDD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285750" indent="-196850">
                <a:lnSpc>
                  <a:spcPct val="150000"/>
                </a:lnSpc>
                <a:buFont typeface="Arial" panose="020B0604020202020204" pitchFamily="34" charset="0"/>
                <a:buChar char="•"/>
              </a:pPr>
              <a:r>
                <a:rPr lang="en-US" sz="1400" b="1" dirty="0">
                  <a:solidFill>
                    <a:srgbClr val="000000"/>
                  </a:solidFill>
                </a:rPr>
                <a:t>Gaurav </a:t>
              </a:r>
              <a:r>
                <a:rPr lang="en-US" sz="1400" b="1" dirty="0" err="1">
                  <a:solidFill>
                    <a:srgbClr val="000000"/>
                  </a:solidFill>
                </a:rPr>
                <a:t>Kejriwal</a:t>
              </a:r>
              <a:r>
                <a:rPr lang="en-US" sz="1400" b="1" dirty="0">
                  <a:solidFill>
                    <a:srgbClr val="000000"/>
                  </a:solidFill>
                </a:rPr>
                <a:t> – </a:t>
              </a:r>
              <a:r>
                <a:rPr lang="en-US" sz="1400" dirty="0">
                  <a:solidFill>
                    <a:srgbClr val="000000"/>
                  </a:solidFill>
                </a:rPr>
                <a:t>Advocate, Supreme Court of India</a:t>
              </a:r>
            </a:p>
            <a:p>
              <a:pPr marL="285750" indent="-196850">
                <a:lnSpc>
                  <a:spcPct val="150000"/>
                </a:lnSpc>
                <a:buFont typeface="Arial" panose="020B0604020202020204" pitchFamily="34" charset="0"/>
                <a:buChar char="•"/>
              </a:pPr>
              <a:r>
                <a:rPr lang="en-US" sz="1400" b="1" dirty="0" err="1">
                  <a:solidFill>
                    <a:srgbClr val="000000"/>
                  </a:solidFill>
                </a:rPr>
                <a:t>Navodit</a:t>
              </a:r>
              <a:r>
                <a:rPr lang="en-US" sz="1400" b="1" dirty="0">
                  <a:solidFill>
                    <a:srgbClr val="000000"/>
                  </a:solidFill>
                </a:rPr>
                <a:t> </a:t>
              </a:r>
              <a:r>
                <a:rPr lang="en-US" sz="1400" b="1" dirty="0" err="1">
                  <a:solidFill>
                    <a:srgbClr val="000000"/>
                  </a:solidFill>
                </a:rPr>
                <a:t>Mehra</a:t>
              </a:r>
              <a:r>
                <a:rPr lang="en-US" sz="1400" b="1" dirty="0">
                  <a:solidFill>
                    <a:srgbClr val="000000"/>
                  </a:solidFill>
                </a:rPr>
                <a:t> </a:t>
              </a:r>
              <a:r>
                <a:rPr lang="en-US" sz="1400" dirty="0">
                  <a:solidFill>
                    <a:srgbClr val="000000"/>
                  </a:solidFill>
                </a:rPr>
                <a:t>– Senior Vice President Legal, Sterlite Power</a:t>
              </a:r>
              <a:endParaRPr lang="en-US" sz="1400" b="1" dirty="0">
                <a:solidFill>
                  <a:srgbClr val="000000"/>
                </a:solidFill>
              </a:endParaRPr>
            </a:p>
            <a:p>
              <a:pPr marL="285750" indent="-196850">
                <a:lnSpc>
                  <a:spcPct val="150000"/>
                </a:lnSpc>
                <a:buFont typeface="Arial" panose="020B0604020202020204" pitchFamily="34" charset="0"/>
                <a:buChar char="•"/>
              </a:pPr>
              <a:r>
                <a:rPr lang="en-US" sz="1400" b="1" dirty="0" err="1">
                  <a:solidFill>
                    <a:srgbClr val="000000"/>
                  </a:solidFill>
                </a:rPr>
                <a:t>Arushi</a:t>
              </a:r>
              <a:r>
                <a:rPr lang="en-US" sz="1400" b="1" dirty="0">
                  <a:solidFill>
                    <a:srgbClr val="000000"/>
                  </a:solidFill>
                </a:rPr>
                <a:t> </a:t>
              </a:r>
              <a:r>
                <a:rPr lang="en-US" sz="1400" b="1" dirty="0" err="1">
                  <a:solidFill>
                    <a:srgbClr val="000000"/>
                  </a:solidFill>
                </a:rPr>
                <a:t>Bindal</a:t>
              </a:r>
              <a:r>
                <a:rPr lang="en-US" sz="1400" b="1" dirty="0">
                  <a:solidFill>
                    <a:srgbClr val="000000"/>
                  </a:solidFill>
                </a:rPr>
                <a:t> </a:t>
              </a:r>
              <a:r>
                <a:rPr lang="en-US" sz="1400" dirty="0">
                  <a:solidFill>
                    <a:srgbClr val="000000"/>
                  </a:solidFill>
                </a:rPr>
                <a:t>– Lawyer, High Court Ahmedabad and Legal Associate, Vector Legal </a:t>
              </a:r>
              <a:endParaRPr lang="en-US" sz="1400" b="1" dirty="0">
                <a:solidFill>
                  <a:srgbClr val="000000"/>
                </a:solidFill>
              </a:endParaRPr>
            </a:p>
          </p:txBody>
        </p:sp>
        <p:sp>
          <p:nvSpPr>
            <p:cNvPr id="48" name="Rectangle 47">
              <a:extLst>
                <a:ext uri="{FF2B5EF4-FFF2-40B4-BE49-F238E27FC236}">
                  <a16:creationId xmlns:a16="http://schemas.microsoft.com/office/drawing/2014/main" id="{18401DA8-E582-42DB-BC30-30C8BAE4C31F}"/>
                </a:ext>
              </a:extLst>
            </p:cNvPr>
            <p:cNvSpPr/>
            <p:nvPr/>
          </p:nvSpPr>
          <p:spPr>
            <a:xfrm>
              <a:off x="236497" y="1332266"/>
              <a:ext cx="3861502" cy="518836"/>
            </a:xfrm>
            <a:prstGeom prst="rect">
              <a:avLst/>
            </a:prstGeom>
            <a:solidFill>
              <a:srgbClr val="009051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1600" b="1" dirty="0">
                  <a:solidFill>
                    <a:schemeClr val="bg2"/>
                  </a:solidFill>
                </a:rPr>
                <a:t>Legal Advisors and Mentors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792627992"/>
      </p:ext>
    </p:extLst>
  </p:cSld>
  <p:clrMapOvr>
    <a:masterClrMapping/>
  </p:clrMapOvr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1">
            <a:extLst>
              <a:ext uri="{FF2B5EF4-FFF2-40B4-BE49-F238E27FC236}">
                <a16:creationId xmlns:a16="http://schemas.microsoft.com/office/drawing/2014/main" id="{D5B1C0A7-38E7-4248-A5DE-0D739461F8F3}"/>
              </a:ext>
            </a:extLst>
          </p:cNvPr>
          <p:cNvSpPr txBox="1">
            <a:spLocks/>
          </p:cNvSpPr>
          <p:nvPr/>
        </p:nvSpPr>
        <p:spPr bwMode="gray">
          <a:xfrm>
            <a:off x="236498" y="308222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Locus Agriculture is the solution to provide land to farmers &amp; develop skills</a:t>
            </a: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C0C1CD1F-3714-D040-91F8-D906BF7050E3}"/>
              </a:ext>
            </a:extLst>
          </p:cNvPr>
          <p:cNvSpPr/>
          <p:nvPr/>
        </p:nvSpPr>
        <p:spPr>
          <a:xfrm>
            <a:off x="1951104" y="1410325"/>
            <a:ext cx="3240000" cy="1440000"/>
          </a:xfrm>
          <a:prstGeom prst="rect">
            <a:avLst/>
          </a:prstGeom>
          <a:solidFill>
            <a:schemeClr val="accent5">
              <a:lumMod val="60000"/>
              <a:lumOff val="4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dirty="0">
                <a:solidFill>
                  <a:schemeClr val="tx1"/>
                </a:solidFill>
              </a:rPr>
              <a:t>Locus Agriculture creates a </a:t>
            </a:r>
            <a:r>
              <a:rPr lang="en-US" sz="1600" b="1" dirty="0">
                <a:solidFill>
                  <a:schemeClr val="tx1"/>
                </a:solidFill>
              </a:rPr>
              <a:t>Special Purpose Vehicle (SPV) </a:t>
            </a:r>
            <a:r>
              <a:rPr lang="en-US" sz="1600" dirty="0">
                <a:solidFill>
                  <a:schemeClr val="tx1"/>
                </a:solidFill>
              </a:rPr>
              <a:t>which is funded by the investors</a:t>
            </a: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CC6E91FB-AC4B-494E-854C-E89E4188B2A7}"/>
              </a:ext>
            </a:extLst>
          </p:cNvPr>
          <p:cNvSpPr/>
          <p:nvPr/>
        </p:nvSpPr>
        <p:spPr>
          <a:xfrm>
            <a:off x="5659288" y="1410325"/>
            <a:ext cx="3240000" cy="1440000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dirty="0">
                <a:solidFill>
                  <a:srgbClr val="000000"/>
                </a:solidFill>
              </a:rPr>
              <a:t>The funds are used by the SPV to acquire land, equipment and expertise required for production</a:t>
            </a:r>
          </a:p>
        </p:txBody>
      </p:sp>
      <p:sp>
        <p:nvSpPr>
          <p:cNvPr id="33" name="Rectangle 32">
            <a:extLst>
              <a:ext uri="{FF2B5EF4-FFF2-40B4-BE49-F238E27FC236}">
                <a16:creationId xmlns:a16="http://schemas.microsoft.com/office/drawing/2014/main" id="{8B979267-37CE-4A9C-97E6-348AF8469FB3}"/>
              </a:ext>
            </a:extLst>
          </p:cNvPr>
          <p:cNvSpPr/>
          <p:nvPr/>
        </p:nvSpPr>
        <p:spPr>
          <a:xfrm>
            <a:off x="9364790" y="1410325"/>
            <a:ext cx="3240000" cy="1440000"/>
          </a:xfrm>
          <a:prstGeom prst="rect">
            <a:avLst/>
          </a:prstGeom>
          <a:solidFill>
            <a:schemeClr val="accent5">
              <a:lumMod val="60000"/>
              <a:lumOff val="4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dirty="0">
                <a:solidFill>
                  <a:schemeClr val="tx1"/>
                </a:solidFill>
              </a:rPr>
              <a:t>Farmers are hired and trained by the fund to use techniques for growing </a:t>
            </a:r>
            <a:r>
              <a:rPr lang="en-US" sz="1600" dirty="0">
                <a:solidFill>
                  <a:srgbClr val="000000"/>
                </a:solidFill>
              </a:rPr>
              <a:t>high yield crops (cash crops or organic farming) </a:t>
            </a:r>
            <a:endParaRPr lang="en-US" sz="1600" dirty="0">
              <a:solidFill>
                <a:schemeClr val="tx1"/>
              </a:solidFill>
            </a:endParaRPr>
          </a:p>
        </p:txBody>
      </p:sp>
      <p:sp>
        <p:nvSpPr>
          <p:cNvPr id="34" name="Rectangle 33">
            <a:extLst>
              <a:ext uri="{FF2B5EF4-FFF2-40B4-BE49-F238E27FC236}">
                <a16:creationId xmlns:a16="http://schemas.microsoft.com/office/drawing/2014/main" id="{6EC2F57B-7D52-4A12-90FB-0EFE585A1889}"/>
              </a:ext>
            </a:extLst>
          </p:cNvPr>
          <p:cNvSpPr/>
          <p:nvPr/>
        </p:nvSpPr>
        <p:spPr>
          <a:xfrm>
            <a:off x="7434982" y="3148424"/>
            <a:ext cx="2427869" cy="2160000"/>
          </a:xfrm>
          <a:prstGeom prst="rect">
            <a:avLst/>
          </a:prstGeom>
          <a:solidFill>
            <a:schemeClr val="accent5">
              <a:lumMod val="60000"/>
              <a:lumOff val="4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b="1" dirty="0">
                <a:solidFill>
                  <a:srgbClr val="000000"/>
                </a:solidFill>
              </a:rPr>
              <a:t>Farmers </a:t>
            </a:r>
            <a:r>
              <a:rPr lang="en-US" sz="1600" dirty="0">
                <a:solidFill>
                  <a:srgbClr val="000000"/>
                </a:solidFill>
              </a:rPr>
              <a:t>incentivized by a fixed salary and investment in inflation linked bonds which is used to buy land for farmer at tenure end; Community development fund</a:t>
            </a:r>
            <a:endParaRPr lang="en-US" sz="1600" dirty="0">
              <a:solidFill>
                <a:schemeClr val="tx1"/>
              </a:solidFill>
            </a:endParaRPr>
          </a:p>
        </p:txBody>
      </p:sp>
      <p:sp>
        <p:nvSpPr>
          <p:cNvPr id="36" name="Rectangle 35">
            <a:extLst>
              <a:ext uri="{FF2B5EF4-FFF2-40B4-BE49-F238E27FC236}">
                <a16:creationId xmlns:a16="http://schemas.microsoft.com/office/drawing/2014/main" id="{122F7B04-74BF-40C8-BC7E-6C8ECB6A806C}"/>
              </a:ext>
            </a:extLst>
          </p:cNvPr>
          <p:cNvSpPr/>
          <p:nvPr/>
        </p:nvSpPr>
        <p:spPr>
          <a:xfrm>
            <a:off x="10176921" y="3148424"/>
            <a:ext cx="2427869" cy="2160000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b="1" dirty="0">
                <a:solidFill>
                  <a:schemeClr val="tx1"/>
                </a:solidFill>
              </a:rPr>
              <a:t>SPV </a:t>
            </a:r>
            <a:r>
              <a:rPr lang="en-US" sz="1600" dirty="0">
                <a:solidFill>
                  <a:schemeClr val="tx1"/>
                </a:solidFill>
              </a:rPr>
              <a:t>receives a management fee;</a:t>
            </a:r>
          </a:p>
          <a:p>
            <a:pPr algn="ctr"/>
            <a:r>
              <a:rPr lang="en-US" sz="1600" b="1" dirty="0">
                <a:solidFill>
                  <a:schemeClr val="tx1"/>
                </a:solidFill>
              </a:rPr>
              <a:t>Investors </a:t>
            </a:r>
            <a:r>
              <a:rPr lang="en-US" sz="1600" dirty="0">
                <a:solidFill>
                  <a:schemeClr val="tx1"/>
                </a:solidFill>
              </a:rPr>
              <a:t>get a fixed dividend; </a:t>
            </a:r>
          </a:p>
          <a:p>
            <a:pPr algn="ctr"/>
            <a:r>
              <a:rPr lang="en-US" sz="1600" b="1" dirty="0">
                <a:solidFill>
                  <a:schemeClr val="tx1"/>
                </a:solidFill>
              </a:rPr>
              <a:t>Surplus </a:t>
            </a:r>
            <a:r>
              <a:rPr lang="en-US" sz="1600" dirty="0">
                <a:solidFill>
                  <a:schemeClr val="tx1"/>
                </a:solidFill>
              </a:rPr>
              <a:t>(if any) invested back in the business by acquiring more land and farmers</a:t>
            </a:r>
          </a:p>
        </p:txBody>
      </p:sp>
      <p:sp>
        <p:nvSpPr>
          <p:cNvPr id="37" name="Rectangle 36">
            <a:extLst>
              <a:ext uri="{FF2B5EF4-FFF2-40B4-BE49-F238E27FC236}">
                <a16:creationId xmlns:a16="http://schemas.microsoft.com/office/drawing/2014/main" id="{5BA0CA37-89B7-4190-BFC0-FCF1864444A4}"/>
              </a:ext>
            </a:extLst>
          </p:cNvPr>
          <p:cNvSpPr/>
          <p:nvPr/>
        </p:nvSpPr>
        <p:spPr>
          <a:xfrm>
            <a:off x="4693043" y="3148424"/>
            <a:ext cx="2427869" cy="2160000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b="1" dirty="0">
                <a:solidFill>
                  <a:schemeClr val="tx1"/>
                </a:solidFill>
              </a:rPr>
              <a:t>Distribution </a:t>
            </a:r>
            <a:r>
              <a:rPr lang="en-US" sz="1600" dirty="0">
                <a:solidFill>
                  <a:schemeClr val="tx1"/>
                </a:solidFill>
              </a:rPr>
              <a:t>through direct channels to ensure max margins (e.g. collaboration with e-commerce players)</a:t>
            </a:r>
            <a:endParaRPr lang="en-US" sz="1600" dirty="0">
              <a:solidFill>
                <a:srgbClr val="000000"/>
              </a:solidFill>
            </a:endParaRPr>
          </a:p>
        </p:txBody>
      </p:sp>
      <p:sp>
        <p:nvSpPr>
          <p:cNvPr id="38" name="Rectangle 37">
            <a:extLst>
              <a:ext uri="{FF2B5EF4-FFF2-40B4-BE49-F238E27FC236}">
                <a16:creationId xmlns:a16="http://schemas.microsoft.com/office/drawing/2014/main" id="{D8BDE565-9EEF-4744-850D-3B30DCF960D0}"/>
              </a:ext>
            </a:extLst>
          </p:cNvPr>
          <p:cNvSpPr/>
          <p:nvPr/>
        </p:nvSpPr>
        <p:spPr>
          <a:xfrm>
            <a:off x="236498" y="1410325"/>
            <a:ext cx="1431432" cy="1440000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b="1" dirty="0">
                <a:solidFill>
                  <a:schemeClr val="bg2"/>
                </a:solidFill>
              </a:rPr>
              <a:t>Setting up the Fund</a:t>
            </a:r>
          </a:p>
        </p:txBody>
      </p:sp>
      <p:sp>
        <p:nvSpPr>
          <p:cNvPr id="39" name="Rectangle 38">
            <a:extLst>
              <a:ext uri="{FF2B5EF4-FFF2-40B4-BE49-F238E27FC236}">
                <a16:creationId xmlns:a16="http://schemas.microsoft.com/office/drawing/2014/main" id="{5318C1A9-7121-4AAE-8142-6DE59B7DB70D}"/>
              </a:ext>
            </a:extLst>
          </p:cNvPr>
          <p:cNvSpPr/>
          <p:nvPr/>
        </p:nvSpPr>
        <p:spPr>
          <a:xfrm>
            <a:off x="236498" y="3148424"/>
            <a:ext cx="1431432" cy="2160000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b="1" dirty="0">
                <a:solidFill>
                  <a:schemeClr val="bg2"/>
                </a:solidFill>
              </a:rPr>
              <a:t>Ongoing Activities</a:t>
            </a:r>
          </a:p>
        </p:txBody>
      </p:sp>
      <p:sp>
        <p:nvSpPr>
          <p:cNvPr id="40" name="Rectangle 39">
            <a:extLst>
              <a:ext uri="{FF2B5EF4-FFF2-40B4-BE49-F238E27FC236}">
                <a16:creationId xmlns:a16="http://schemas.microsoft.com/office/drawing/2014/main" id="{AEF7121E-6D0F-486D-B061-6A3FE6DD3C72}"/>
              </a:ext>
            </a:extLst>
          </p:cNvPr>
          <p:cNvSpPr/>
          <p:nvPr/>
        </p:nvSpPr>
        <p:spPr>
          <a:xfrm>
            <a:off x="236498" y="5607716"/>
            <a:ext cx="1431432" cy="1260000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b="1" dirty="0">
                <a:solidFill>
                  <a:schemeClr val="bg2"/>
                </a:solidFill>
              </a:rPr>
              <a:t>Exit for Partners and Investors</a:t>
            </a:r>
          </a:p>
        </p:txBody>
      </p:sp>
      <p:sp>
        <p:nvSpPr>
          <p:cNvPr id="41" name="Rectangle 40">
            <a:extLst>
              <a:ext uri="{FF2B5EF4-FFF2-40B4-BE49-F238E27FC236}">
                <a16:creationId xmlns:a16="http://schemas.microsoft.com/office/drawing/2014/main" id="{275E2FD6-FA39-4DAE-8751-D87D7C9B1592}"/>
              </a:ext>
            </a:extLst>
          </p:cNvPr>
          <p:cNvSpPr/>
          <p:nvPr/>
        </p:nvSpPr>
        <p:spPr>
          <a:xfrm>
            <a:off x="1951104" y="5607716"/>
            <a:ext cx="3240000" cy="1260000"/>
          </a:xfrm>
          <a:prstGeom prst="rect">
            <a:avLst/>
          </a:prstGeom>
          <a:solidFill>
            <a:schemeClr val="accent5">
              <a:lumMod val="60000"/>
              <a:lumOff val="4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b="1" dirty="0">
                <a:solidFill>
                  <a:schemeClr val="tx1"/>
                </a:solidFill>
              </a:rPr>
              <a:t>Farmers </a:t>
            </a:r>
            <a:r>
              <a:rPr lang="en-US" sz="1600" dirty="0">
                <a:solidFill>
                  <a:schemeClr val="tx1"/>
                </a:solidFill>
              </a:rPr>
              <a:t>need to mandatorily stay for the pre-defined tenure and post that can exit at any time by taking the land allocated to them	</a:t>
            </a:r>
          </a:p>
        </p:txBody>
      </p:sp>
      <p:sp>
        <p:nvSpPr>
          <p:cNvPr id="42" name="Rectangle 41">
            <a:extLst>
              <a:ext uri="{FF2B5EF4-FFF2-40B4-BE49-F238E27FC236}">
                <a16:creationId xmlns:a16="http://schemas.microsoft.com/office/drawing/2014/main" id="{9E2FFFA0-B13E-41F2-AD91-2A695CF5A8E7}"/>
              </a:ext>
            </a:extLst>
          </p:cNvPr>
          <p:cNvSpPr/>
          <p:nvPr/>
        </p:nvSpPr>
        <p:spPr>
          <a:xfrm>
            <a:off x="5659288" y="5607716"/>
            <a:ext cx="3240000" cy="1260000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b="1" dirty="0">
                <a:solidFill>
                  <a:srgbClr val="000000"/>
                </a:solidFill>
              </a:rPr>
              <a:t>Investors </a:t>
            </a:r>
            <a:r>
              <a:rPr lang="en-US" sz="1600" dirty="0">
                <a:solidFill>
                  <a:srgbClr val="000000"/>
                </a:solidFill>
              </a:rPr>
              <a:t>can exit at pre-defined tenures with equity gains or can choose to continue the investment</a:t>
            </a:r>
          </a:p>
        </p:txBody>
      </p:sp>
      <p:sp>
        <p:nvSpPr>
          <p:cNvPr id="43" name="Rectangle 42">
            <a:extLst>
              <a:ext uri="{FF2B5EF4-FFF2-40B4-BE49-F238E27FC236}">
                <a16:creationId xmlns:a16="http://schemas.microsoft.com/office/drawing/2014/main" id="{CEA50D66-0632-4B50-99CC-427906E49788}"/>
              </a:ext>
            </a:extLst>
          </p:cNvPr>
          <p:cNvSpPr/>
          <p:nvPr/>
        </p:nvSpPr>
        <p:spPr>
          <a:xfrm>
            <a:off x="9364790" y="5607716"/>
            <a:ext cx="3240000" cy="1260000"/>
          </a:xfrm>
          <a:prstGeom prst="rect">
            <a:avLst/>
          </a:prstGeom>
          <a:solidFill>
            <a:schemeClr val="accent5">
              <a:lumMod val="60000"/>
              <a:lumOff val="4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b="1" dirty="0">
                <a:solidFill>
                  <a:schemeClr val="tx1"/>
                </a:solidFill>
              </a:rPr>
              <a:t>SPV </a:t>
            </a:r>
            <a:r>
              <a:rPr lang="en-US" sz="1600" dirty="0">
                <a:solidFill>
                  <a:schemeClr val="tx1"/>
                </a:solidFill>
              </a:rPr>
              <a:t>gets a part of the equity gains at investor exit; Need to find in new investors when existing ones exit</a:t>
            </a:r>
          </a:p>
        </p:txBody>
      </p:sp>
      <p:sp>
        <p:nvSpPr>
          <p:cNvPr id="45" name="Rectangle 44">
            <a:extLst>
              <a:ext uri="{FF2B5EF4-FFF2-40B4-BE49-F238E27FC236}">
                <a16:creationId xmlns:a16="http://schemas.microsoft.com/office/drawing/2014/main" id="{4FB3EEF1-F8AA-49A8-A256-4EEE999040A2}"/>
              </a:ext>
            </a:extLst>
          </p:cNvPr>
          <p:cNvSpPr/>
          <p:nvPr/>
        </p:nvSpPr>
        <p:spPr>
          <a:xfrm>
            <a:off x="1951104" y="3148424"/>
            <a:ext cx="2427869" cy="2160000"/>
          </a:xfrm>
          <a:prstGeom prst="rect">
            <a:avLst/>
          </a:prstGeom>
          <a:solidFill>
            <a:schemeClr val="accent5">
              <a:lumMod val="60000"/>
              <a:lumOff val="40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b="1" dirty="0">
                <a:solidFill>
                  <a:srgbClr val="000000"/>
                </a:solidFill>
              </a:rPr>
              <a:t>Production </a:t>
            </a:r>
            <a:r>
              <a:rPr lang="en-US" sz="1600" dirty="0">
                <a:solidFill>
                  <a:srgbClr val="000000"/>
                </a:solidFill>
              </a:rPr>
              <a:t>of high yield crops on the acquired land along with on-the-job training for the farmers</a:t>
            </a:r>
          </a:p>
        </p:txBody>
      </p:sp>
      <p:cxnSp>
        <p:nvCxnSpPr>
          <p:cNvPr id="47" name="Straight Arrow Connector 46">
            <a:extLst>
              <a:ext uri="{FF2B5EF4-FFF2-40B4-BE49-F238E27FC236}">
                <a16:creationId xmlns:a16="http://schemas.microsoft.com/office/drawing/2014/main" id="{1A0F5AF2-A9E3-4579-907C-CD9C689AA6C5}"/>
              </a:ext>
            </a:extLst>
          </p:cNvPr>
          <p:cNvCxnSpPr/>
          <p:nvPr/>
        </p:nvCxnSpPr>
        <p:spPr>
          <a:xfrm>
            <a:off x="5191104" y="2130325"/>
            <a:ext cx="468184" cy="0"/>
          </a:xfrm>
          <a:prstGeom prst="straightConnector1">
            <a:avLst/>
          </a:prstGeom>
          <a:ln w="57150">
            <a:solidFill>
              <a:srgbClr val="00905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49" name="Straight Arrow Connector 48">
            <a:extLst>
              <a:ext uri="{FF2B5EF4-FFF2-40B4-BE49-F238E27FC236}">
                <a16:creationId xmlns:a16="http://schemas.microsoft.com/office/drawing/2014/main" id="{655913F9-32C8-4CDD-BE22-6D9818CAE40D}"/>
              </a:ext>
            </a:extLst>
          </p:cNvPr>
          <p:cNvCxnSpPr/>
          <p:nvPr/>
        </p:nvCxnSpPr>
        <p:spPr>
          <a:xfrm>
            <a:off x="8899288" y="2130325"/>
            <a:ext cx="465502" cy="0"/>
          </a:xfrm>
          <a:prstGeom prst="straightConnector1">
            <a:avLst/>
          </a:prstGeom>
          <a:ln w="57150">
            <a:solidFill>
              <a:srgbClr val="00905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3" name="Straight Arrow Connector 52">
            <a:extLst>
              <a:ext uri="{FF2B5EF4-FFF2-40B4-BE49-F238E27FC236}">
                <a16:creationId xmlns:a16="http://schemas.microsoft.com/office/drawing/2014/main" id="{AE4CD362-8DFD-4500-B46E-DB96D0E5655F}"/>
              </a:ext>
            </a:extLst>
          </p:cNvPr>
          <p:cNvCxnSpPr>
            <a:cxnSpLocks/>
          </p:cNvCxnSpPr>
          <p:nvPr/>
        </p:nvCxnSpPr>
        <p:spPr>
          <a:xfrm>
            <a:off x="9862851" y="4228424"/>
            <a:ext cx="314070" cy="0"/>
          </a:xfrm>
          <a:prstGeom prst="straightConnector1">
            <a:avLst/>
          </a:prstGeom>
          <a:ln w="57150">
            <a:solidFill>
              <a:srgbClr val="00905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5" name="Straight Arrow Connector 54">
            <a:extLst>
              <a:ext uri="{FF2B5EF4-FFF2-40B4-BE49-F238E27FC236}">
                <a16:creationId xmlns:a16="http://schemas.microsoft.com/office/drawing/2014/main" id="{E82A95C1-C450-4B72-8B80-DACE4ED10DF8}"/>
              </a:ext>
            </a:extLst>
          </p:cNvPr>
          <p:cNvCxnSpPr>
            <a:cxnSpLocks/>
          </p:cNvCxnSpPr>
          <p:nvPr/>
        </p:nvCxnSpPr>
        <p:spPr>
          <a:xfrm>
            <a:off x="7120912" y="4228424"/>
            <a:ext cx="314070" cy="0"/>
          </a:xfrm>
          <a:prstGeom prst="straightConnector1">
            <a:avLst/>
          </a:prstGeom>
          <a:ln w="57150">
            <a:solidFill>
              <a:srgbClr val="00905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7" name="Straight Arrow Connector 56">
            <a:extLst>
              <a:ext uri="{FF2B5EF4-FFF2-40B4-BE49-F238E27FC236}">
                <a16:creationId xmlns:a16="http://schemas.microsoft.com/office/drawing/2014/main" id="{E5D4E963-54EA-4E66-9612-54ACE4564D87}"/>
              </a:ext>
            </a:extLst>
          </p:cNvPr>
          <p:cNvCxnSpPr>
            <a:cxnSpLocks/>
          </p:cNvCxnSpPr>
          <p:nvPr/>
        </p:nvCxnSpPr>
        <p:spPr>
          <a:xfrm>
            <a:off x="4378973" y="4228424"/>
            <a:ext cx="314070" cy="0"/>
          </a:xfrm>
          <a:prstGeom prst="straightConnector1">
            <a:avLst/>
          </a:prstGeom>
          <a:ln w="57150">
            <a:solidFill>
              <a:srgbClr val="00905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1" name="Straight Arrow Connector 60">
            <a:extLst>
              <a:ext uri="{FF2B5EF4-FFF2-40B4-BE49-F238E27FC236}">
                <a16:creationId xmlns:a16="http://schemas.microsoft.com/office/drawing/2014/main" id="{6DAFA2E3-B366-403C-9C0A-03422CA5D646}"/>
              </a:ext>
            </a:extLst>
          </p:cNvPr>
          <p:cNvCxnSpPr/>
          <p:nvPr/>
        </p:nvCxnSpPr>
        <p:spPr>
          <a:xfrm>
            <a:off x="5191104" y="6237716"/>
            <a:ext cx="468184" cy="0"/>
          </a:xfrm>
          <a:prstGeom prst="straightConnector1">
            <a:avLst/>
          </a:prstGeom>
          <a:ln w="57150">
            <a:solidFill>
              <a:srgbClr val="00905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3" name="Straight Arrow Connector 62">
            <a:extLst>
              <a:ext uri="{FF2B5EF4-FFF2-40B4-BE49-F238E27FC236}">
                <a16:creationId xmlns:a16="http://schemas.microsoft.com/office/drawing/2014/main" id="{131E3FC2-2089-47F4-B246-11AC9FB44181}"/>
              </a:ext>
            </a:extLst>
          </p:cNvPr>
          <p:cNvCxnSpPr/>
          <p:nvPr/>
        </p:nvCxnSpPr>
        <p:spPr>
          <a:xfrm>
            <a:off x="8899288" y="6237716"/>
            <a:ext cx="465502" cy="0"/>
          </a:xfrm>
          <a:prstGeom prst="straightConnector1">
            <a:avLst/>
          </a:prstGeom>
          <a:ln w="57150">
            <a:solidFill>
              <a:srgbClr val="009051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3" name="Rectangle 22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24" name="Rectangle 23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81145621"/>
      </p:ext>
    </p:extLst>
  </p:cSld>
  <p:clrMapOvr>
    <a:masterClrMapping/>
  </p:clrMapOvr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" name="Rectangle 39">
            <a:extLst>
              <a:ext uri="{FF2B5EF4-FFF2-40B4-BE49-F238E27FC236}">
                <a16:creationId xmlns:a16="http://schemas.microsoft.com/office/drawing/2014/main" id="{D6F41108-DE3C-A84A-BAE1-48F8591F8592}"/>
              </a:ext>
            </a:extLst>
          </p:cNvPr>
          <p:cNvSpPr/>
          <p:nvPr/>
        </p:nvSpPr>
        <p:spPr>
          <a:xfrm>
            <a:off x="8811425" y="3236038"/>
            <a:ext cx="3916009" cy="1088652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000000"/>
              </a:solidFill>
            </a:endParaRPr>
          </a:p>
        </p:txBody>
      </p:sp>
      <p:sp>
        <p:nvSpPr>
          <p:cNvPr id="39" name="Rectangle 38">
            <a:extLst>
              <a:ext uri="{FF2B5EF4-FFF2-40B4-BE49-F238E27FC236}">
                <a16:creationId xmlns:a16="http://schemas.microsoft.com/office/drawing/2014/main" id="{2B64FFFC-AC04-9A4D-97F4-4494DE4B8162}"/>
              </a:ext>
            </a:extLst>
          </p:cNvPr>
          <p:cNvSpPr/>
          <p:nvPr/>
        </p:nvSpPr>
        <p:spPr>
          <a:xfrm>
            <a:off x="8811426" y="5682623"/>
            <a:ext cx="3916009" cy="1088652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000000"/>
              </a:solidFill>
            </a:endParaRPr>
          </a:p>
        </p:txBody>
      </p:sp>
      <p:sp>
        <p:nvSpPr>
          <p:cNvPr id="38" name="Rectangle 37">
            <a:extLst>
              <a:ext uri="{FF2B5EF4-FFF2-40B4-BE49-F238E27FC236}">
                <a16:creationId xmlns:a16="http://schemas.microsoft.com/office/drawing/2014/main" id="{BD2476BD-FA07-5843-96BC-A40E2F8B5271}"/>
              </a:ext>
            </a:extLst>
          </p:cNvPr>
          <p:cNvSpPr/>
          <p:nvPr/>
        </p:nvSpPr>
        <p:spPr>
          <a:xfrm>
            <a:off x="8811426" y="4453741"/>
            <a:ext cx="3916009" cy="1088652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000000"/>
              </a:solidFill>
            </a:endParaRPr>
          </a:p>
        </p:txBody>
      </p:sp>
      <p:sp>
        <p:nvSpPr>
          <p:cNvPr id="37" name="Rectangle 36">
            <a:extLst>
              <a:ext uri="{FF2B5EF4-FFF2-40B4-BE49-F238E27FC236}">
                <a16:creationId xmlns:a16="http://schemas.microsoft.com/office/drawing/2014/main" id="{E15081D8-CED6-8F4F-9B00-9AE1B222BE67}"/>
              </a:ext>
            </a:extLst>
          </p:cNvPr>
          <p:cNvSpPr/>
          <p:nvPr/>
        </p:nvSpPr>
        <p:spPr>
          <a:xfrm>
            <a:off x="8811427" y="1984543"/>
            <a:ext cx="3916009" cy="1088652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000000"/>
              </a:solidFill>
            </a:endParaRPr>
          </a:p>
        </p:txBody>
      </p:sp>
      <p:sp>
        <p:nvSpPr>
          <p:cNvPr id="5" name="Title 1">
            <a:extLst>
              <a:ext uri="{FF2B5EF4-FFF2-40B4-BE49-F238E27FC236}">
                <a16:creationId xmlns:a16="http://schemas.microsoft.com/office/drawing/2014/main" id="{D5B1C0A7-38E7-4248-A5DE-0D739461F8F3}"/>
              </a:ext>
            </a:extLst>
          </p:cNvPr>
          <p:cNvSpPr txBox="1">
            <a:spLocks/>
          </p:cNvSpPr>
          <p:nvPr/>
        </p:nvSpPr>
        <p:spPr bwMode="gray">
          <a:xfrm>
            <a:off x="236498" y="56430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However, the scope of opportunity is large</a:t>
            </a:r>
          </a:p>
        </p:txBody>
      </p:sp>
      <p:cxnSp>
        <p:nvCxnSpPr>
          <p:cNvPr id="60" name="Straight Connector 59">
            <a:extLst>
              <a:ext uri="{FF2B5EF4-FFF2-40B4-BE49-F238E27FC236}">
                <a16:creationId xmlns:a16="http://schemas.microsoft.com/office/drawing/2014/main" id="{1C6FDEC1-FA3C-1641-94C9-B86D01BF74AE}"/>
              </a:ext>
            </a:extLst>
          </p:cNvPr>
          <p:cNvCxnSpPr/>
          <p:nvPr/>
        </p:nvCxnSpPr>
        <p:spPr>
          <a:xfrm>
            <a:off x="6506817" y="1152939"/>
            <a:ext cx="0" cy="5844209"/>
          </a:xfrm>
          <a:prstGeom prst="line">
            <a:avLst/>
          </a:prstGeom>
          <a:ln w="57150">
            <a:solidFill>
              <a:srgbClr val="00905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3" name="TextBox 62">
            <a:extLst>
              <a:ext uri="{FF2B5EF4-FFF2-40B4-BE49-F238E27FC236}">
                <a16:creationId xmlns:a16="http://schemas.microsoft.com/office/drawing/2014/main" id="{812AF7EA-0243-EA4D-80E2-FD25410B2528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>
            <a:off x="698239" y="1199859"/>
            <a:ext cx="5309411" cy="702661"/>
          </a:xfrm>
          <a:prstGeom prst="rect">
            <a:avLst/>
          </a:prstGeom>
          <a:blipFill dpi="0" rotWithShape="1">
            <a:blip r:embed="rId9"/>
            <a:srcRect/>
            <a:tile tx="0" ty="0" sx="100000" sy="100000" flip="xy" algn="b"/>
          </a:blipFill>
        </p:spPr>
        <p:txBody>
          <a:bodyPr vert="horz" wrap="square" lIns="0" tIns="0" rIns="0" bIns="86265" rtlCol="0" anchor="b">
            <a:spAutoFit/>
          </a:bodyPr>
          <a:lstStyle/>
          <a:p>
            <a:pPr algn="ctr"/>
            <a:r>
              <a:rPr lang="en-US" sz="2000" b="1" cap="all" dirty="0">
                <a:solidFill>
                  <a:srgbClr val="009051"/>
                </a:solidFill>
              </a:rPr>
              <a:t>research indicates multiple avenues of growth </a:t>
            </a:r>
          </a:p>
        </p:txBody>
      </p:sp>
      <p:sp>
        <p:nvSpPr>
          <p:cNvPr id="64" name="TextBox 63">
            <a:extLst>
              <a:ext uri="{FF2B5EF4-FFF2-40B4-BE49-F238E27FC236}">
                <a16:creationId xmlns:a16="http://schemas.microsoft.com/office/drawing/2014/main" id="{575FAE65-3444-ED44-B454-827520914B8E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>
            <a:off x="6716617" y="1199859"/>
            <a:ext cx="5952461" cy="702661"/>
          </a:xfrm>
          <a:prstGeom prst="rect">
            <a:avLst/>
          </a:prstGeom>
          <a:blipFill dpi="0" rotWithShape="1">
            <a:blip r:embed="rId9"/>
            <a:srcRect/>
            <a:tile tx="0" ty="0" sx="100000" sy="100000" flip="xy" algn="b"/>
          </a:blipFill>
        </p:spPr>
        <p:txBody>
          <a:bodyPr vert="horz" wrap="square" lIns="0" tIns="0" rIns="0" bIns="86265" rtlCol="0" anchor="b">
            <a:spAutoFit/>
          </a:bodyPr>
          <a:lstStyle/>
          <a:p>
            <a:pPr algn="ctr"/>
            <a:r>
              <a:rPr lang="en-US" sz="2000" b="1" cap="all" dirty="0">
                <a:solidFill>
                  <a:srgbClr val="009051"/>
                </a:solidFill>
              </a:rPr>
              <a:t>However, multiple factors inhibit their implementation</a:t>
            </a:r>
          </a:p>
        </p:txBody>
      </p:sp>
      <p:sp>
        <p:nvSpPr>
          <p:cNvPr id="74" name="TextBox 73">
            <a:extLst>
              <a:ext uri="{FF2B5EF4-FFF2-40B4-BE49-F238E27FC236}">
                <a16:creationId xmlns:a16="http://schemas.microsoft.com/office/drawing/2014/main" id="{4C65324A-D8BC-1F44-A810-2EC03744705F}"/>
              </a:ext>
            </a:extLst>
          </p:cNvPr>
          <p:cNvSpPr txBox="1"/>
          <p:nvPr/>
        </p:nvSpPr>
        <p:spPr>
          <a:xfrm>
            <a:off x="764499" y="6493567"/>
            <a:ext cx="5309411" cy="503590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1400" i="1" dirty="0"/>
              <a:t>Research by </a:t>
            </a:r>
            <a:r>
              <a:rPr lang="en-US" sz="1400" i="1" dirty="0" err="1"/>
              <a:t>Niti</a:t>
            </a:r>
            <a:r>
              <a:rPr lang="en-US" sz="1400" i="1" dirty="0"/>
              <a:t> </a:t>
            </a:r>
            <a:r>
              <a:rPr lang="en-US" sz="1400" i="1" dirty="0" err="1"/>
              <a:t>Ayog</a:t>
            </a:r>
            <a:r>
              <a:rPr lang="en-US" sz="1400" i="1" dirty="0"/>
              <a:t> (Government of India) outlining the avenues for doubling farmers’ income</a:t>
            </a:r>
          </a:p>
        </p:txBody>
      </p:sp>
      <p:sp>
        <p:nvSpPr>
          <p:cNvPr id="17" name="Rectangle 16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18" name="Rectangle 17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graphicFrame>
        <p:nvGraphicFramePr>
          <p:cNvPr id="3" name="Table 2">
            <a:extLst>
              <a:ext uri="{FF2B5EF4-FFF2-40B4-BE49-F238E27FC236}">
                <a16:creationId xmlns:a16="http://schemas.microsoft.com/office/drawing/2014/main" id="{1F81DA05-3CB7-2942-96C6-7BB7AB7F7A31}"/>
              </a:ext>
            </a:extLst>
          </p:cNvPr>
          <p:cNvGraphicFramePr>
            <a:graphicFrameLocks noGrp="1"/>
          </p:cNvGraphicFramePr>
          <p:nvPr/>
        </p:nvGraphicFramePr>
        <p:xfrm>
          <a:off x="449696" y="1955087"/>
          <a:ext cx="5912511" cy="443484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504121">
                  <a:extLst>
                    <a:ext uri="{9D8B030D-6E8A-4147-A177-3AD203B41FA5}">
                      <a16:colId xmlns:a16="http://schemas.microsoft.com/office/drawing/2014/main" val="1821343872"/>
                    </a:ext>
                  </a:extLst>
                </a:gridCol>
                <a:gridCol w="2029085">
                  <a:extLst>
                    <a:ext uri="{9D8B030D-6E8A-4147-A177-3AD203B41FA5}">
                      <a16:colId xmlns:a16="http://schemas.microsoft.com/office/drawing/2014/main" val="2161347950"/>
                    </a:ext>
                  </a:extLst>
                </a:gridCol>
                <a:gridCol w="1484244">
                  <a:extLst>
                    <a:ext uri="{9D8B030D-6E8A-4147-A177-3AD203B41FA5}">
                      <a16:colId xmlns:a16="http://schemas.microsoft.com/office/drawing/2014/main" val="2384165543"/>
                    </a:ext>
                  </a:extLst>
                </a:gridCol>
                <a:gridCol w="1895061">
                  <a:extLst>
                    <a:ext uri="{9D8B030D-6E8A-4147-A177-3AD203B41FA5}">
                      <a16:colId xmlns:a16="http://schemas.microsoft.com/office/drawing/2014/main" val="994807600"/>
                    </a:ext>
                  </a:extLst>
                </a:gridCol>
              </a:tblGrid>
              <a:tr h="370840">
                <a:tc>
                  <a:txBody>
                    <a:bodyPr/>
                    <a:lstStyle/>
                    <a:p>
                      <a:pPr algn="l"/>
                      <a:r>
                        <a:rPr lang="en-US" sz="1200" dirty="0">
                          <a:solidFill>
                            <a:schemeClr val="bg2"/>
                          </a:solidFill>
                        </a:rPr>
                        <a:t>S. No.</a:t>
                      </a:r>
                    </a:p>
                  </a:txBody>
                  <a:tcPr anchor="ctr">
                    <a:solidFill>
                      <a:srgbClr val="009051"/>
                    </a:solidFill>
                  </a:tcPr>
                </a:tc>
                <a:tc>
                  <a:txBody>
                    <a:bodyPr/>
                    <a:lstStyle/>
                    <a:p>
                      <a:pPr algn="l"/>
                      <a:r>
                        <a:rPr lang="en-US" sz="1400" dirty="0">
                          <a:solidFill>
                            <a:schemeClr val="bg2"/>
                          </a:solidFill>
                        </a:rPr>
                        <a:t>Source</a:t>
                      </a:r>
                    </a:p>
                  </a:txBody>
                  <a:tcPr anchor="ctr">
                    <a:solidFill>
                      <a:srgbClr val="00905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>
                          <a:solidFill>
                            <a:schemeClr val="bg2"/>
                          </a:solidFill>
                        </a:rPr>
                        <a:t>Scope</a:t>
                      </a:r>
                    </a:p>
                  </a:txBody>
                  <a:tcPr anchor="ctr">
                    <a:solidFill>
                      <a:srgbClr val="009051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>
                          <a:solidFill>
                            <a:schemeClr val="bg2"/>
                          </a:solidFill>
                        </a:rPr>
                        <a:t>10 Year Contribution</a:t>
                      </a:r>
                    </a:p>
                  </a:txBody>
                  <a:tcPr anchor="ctr">
                    <a:solidFill>
                      <a:srgbClr val="00905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257748790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pPr algn="l"/>
                      <a:r>
                        <a:rPr lang="en-US" sz="1400" dirty="0"/>
                        <a:t>1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l"/>
                      <a:r>
                        <a:rPr lang="en-US" sz="1400" dirty="0"/>
                        <a:t>Crop Productivity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/>
                        <a:t>3.1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/>
                        <a:t>25.0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225295095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pPr algn="l"/>
                      <a:r>
                        <a:rPr lang="en-US" sz="1400" dirty="0"/>
                        <a:t>2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l"/>
                      <a:r>
                        <a:rPr lang="en-US" sz="1400" dirty="0"/>
                        <a:t>Life Stock Value Added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/>
                        <a:t>4.5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/>
                        <a:t>16.6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660075447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pPr algn="l"/>
                      <a:r>
                        <a:rPr lang="en-US" sz="1400" dirty="0"/>
                        <a:t>3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l"/>
                      <a:r>
                        <a:rPr lang="en-US" sz="1400" dirty="0"/>
                        <a:t>Improvement in Resource Use Efficiency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/>
                        <a:t>2.26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/>
                        <a:t>25.0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3884426879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pPr algn="l"/>
                      <a:r>
                        <a:rPr lang="en-US" sz="1400" dirty="0"/>
                        <a:t>4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l"/>
                      <a:r>
                        <a:rPr lang="en-US" sz="1400" dirty="0"/>
                        <a:t>Crop Intensity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/>
                        <a:t>1pp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/>
                        <a:t>4.9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722888311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pPr algn="l"/>
                      <a:r>
                        <a:rPr lang="en-US" sz="1400" dirty="0"/>
                        <a:t>5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l"/>
                      <a:r>
                        <a:rPr lang="en-US" sz="1400" dirty="0"/>
                        <a:t>Crop Diversification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/>
                        <a:t>Area Increase by 3.13%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/>
                        <a:t>7.3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3323377290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pPr algn="l"/>
                      <a:r>
                        <a:rPr lang="en-US" sz="1400" dirty="0"/>
                        <a:t>6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l"/>
                      <a:r>
                        <a:rPr lang="en-US" sz="1400" dirty="0"/>
                        <a:t>Better Price Realization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/>
                        <a:t>13%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/>
                        <a:t>9.1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2522493517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pPr algn="l"/>
                      <a:r>
                        <a:rPr lang="en-US" sz="1400" dirty="0"/>
                        <a:t>7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l"/>
                      <a:r>
                        <a:rPr lang="en-US" sz="1400" dirty="0"/>
                        <a:t>Shift to non-farm-occupation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/>
                        <a:t>1.81%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/>
                        <a:t>19.6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3232610181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pPr algn="l"/>
                      <a:endParaRPr lang="en-US" sz="140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l"/>
                      <a:r>
                        <a:rPr lang="en-US" sz="1400" dirty="0"/>
                        <a:t>Total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endParaRPr lang="en-US" sz="140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400" dirty="0"/>
                        <a:t>107.5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2599980240"/>
                  </a:ext>
                </a:extLst>
              </a:tr>
            </a:tbl>
          </a:graphicData>
        </a:graphic>
      </p:graphicFrame>
      <p:sp>
        <p:nvSpPr>
          <p:cNvPr id="29" name="Rectangle 28">
            <a:extLst>
              <a:ext uri="{FF2B5EF4-FFF2-40B4-BE49-F238E27FC236}">
                <a16:creationId xmlns:a16="http://schemas.microsoft.com/office/drawing/2014/main" id="{31D96E3A-5F91-8942-8F3C-E7417E39F22A}"/>
              </a:ext>
            </a:extLst>
          </p:cNvPr>
          <p:cNvSpPr/>
          <p:nvPr/>
        </p:nvSpPr>
        <p:spPr>
          <a:xfrm>
            <a:off x="6651428" y="1993195"/>
            <a:ext cx="2160000" cy="1080000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Clr>
                <a:prstClr val="black"/>
              </a:buClr>
            </a:pPr>
            <a:r>
              <a:rPr lang="en-US" sz="1500" b="1" dirty="0">
                <a:solidFill>
                  <a:schemeClr val="bg2"/>
                </a:solidFill>
              </a:rPr>
              <a:t>POOR ECONOMIES OF SCALE</a:t>
            </a:r>
          </a:p>
        </p:txBody>
      </p:sp>
      <p:sp>
        <p:nvSpPr>
          <p:cNvPr id="30" name="Rectangle 29">
            <a:extLst>
              <a:ext uri="{FF2B5EF4-FFF2-40B4-BE49-F238E27FC236}">
                <a16:creationId xmlns:a16="http://schemas.microsoft.com/office/drawing/2014/main" id="{58E2A6C6-A9D3-0A46-A0BD-94729CB883C6}"/>
              </a:ext>
            </a:extLst>
          </p:cNvPr>
          <p:cNvSpPr/>
          <p:nvPr/>
        </p:nvSpPr>
        <p:spPr>
          <a:xfrm>
            <a:off x="6651428" y="3222791"/>
            <a:ext cx="2160000" cy="1080000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Clr>
                <a:prstClr val="black"/>
              </a:buClr>
            </a:pPr>
            <a:r>
              <a:rPr lang="en-US" sz="1500" b="1" dirty="0">
                <a:solidFill>
                  <a:schemeClr val="bg2"/>
                </a:solidFill>
              </a:rPr>
              <a:t>INFORMATION ASYMETERY</a:t>
            </a:r>
          </a:p>
        </p:txBody>
      </p:sp>
      <p:sp>
        <p:nvSpPr>
          <p:cNvPr id="31" name="Rectangle 30">
            <a:extLst>
              <a:ext uri="{FF2B5EF4-FFF2-40B4-BE49-F238E27FC236}">
                <a16:creationId xmlns:a16="http://schemas.microsoft.com/office/drawing/2014/main" id="{BE1B334D-E470-D047-ABFE-188DD8E2CC3C}"/>
              </a:ext>
            </a:extLst>
          </p:cNvPr>
          <p:cNvSpPr/>
          <p:nvPr/>
        </p:nvSpPr>
        <p:spPr>
          <a:xfrm>
            <a:off x="6651428" y="4452387"/>
            <a:ext cx="2160000" cy="1080000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Clr>
                <a:prstClr val="black"/>
              </a:buClr>
            </a:pPr>
            <a:r>
              <a:rPr lang="en-US" sz="1500" b="1" dirty="0">
                <a:solidFill>
                  <a:schemeClr val="bg2"/>
                </a:solidFill>
              </a:rPr>
              <a:t>INCAPABILITY OF LARGE LAND OWNERS</a:t>
            </a:r>
          </a:p>
        </p:txBody>
      </p:sp>
      <p:sp>
        <p:nvSpPr>
          <p:cNvPr id="32" name="Rectangle 31">
            <a:extLst>
              <a:ext uri="{FF2B5EF4-FFF2-40B4-BE49-F238E27FC236}">
                <a16:creationId xmlns:a16="http://schemas.microsoft.com/office/drawing/2014/main" id="{823D328B-2AEF-8445-BB02-29A89B535AB9}"/>
              </a:ext>
            </a:extLst>
          </p:cNvPr>
          <p:cNvSpPr/>
          <p:nvPr/>
        </p:nvSpPr>
        <p:spPr>
          <a:xfrm>
            <a:off x="6651428" y="5681984"/>
            <a:ext cx="2160000" cy="1080000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Clr>
                <a:prstClr val="black"/>
              </a:buClr>
            </a:pPr>
            <a:r>
              <a:rPr lang="en-US" sz="1500" b="1" dirty="0">
                <a:solidFill>
                  <a:schemeClr val="bg2"/>
                </a:solidFill>
              </a:rPr>
              <a:t>RISK CONCENTERATION</a:t>
            </a:r>
          </a:p>
        </p:txBody>
      </p:sp>
      <p:sp>
        <p:nvSpPr>
          <p:cNvPr id="33" name="Source">
            <a:extLst>
              <a:ext uri="{FF2B5EF4-FFF2-40B4-BE49-F238E27FC236}">
                <a16:creationId xmlns:a16="http://schemas.microsoft.com/office/drawing/2014/main" id="{B6B72A7B-8FE2-E444-B3C1-DA8A66B6AADF}"/>
              </a:ext>
            </a:extLst>
          </p:cNvPr>
          <p:cNvSpPr>
            <a:spLocks noGrp="1"/>
          </p:cNvSpPr>
          <p:nvPr>
            <p:custDataLst>
              <p:tags r:id="rId3"/>
            </p:custDataLst>
          </p:nvPr>
        </p:nvSpPr>
        <p:spPr bwMode="auto">
          <a:xfrm>
            <a:off x="8811426" y="2154777"/>
            <a:ext cx="3857653" cy="7801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3406" tIns="43406" rIns="43406" bIns="43406" numCol="1" anchor="t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indent="0" algn="just">
              <a:spcBef>
                <a:spcPts val="960"/>
              </a:spcBef>
              <a:spcAft>
                <a:spcPts val="0"/>
              </a:spcAft>
              <a:buClrTx/>
              <a:buSzPct val="100000"/>
              <a:buNone/>
            </a:pPr>
            <a:r>
              <a:rPr lang="en-US" sz="1500" dirty="0">
                <a:solidFill>
                  <a:prstClr val="black"/>
                </a:solidFill>
                <a:latin typeface="Verdana"/>
              </a:rPr>
              <a:t>Small land size (&lt;2 ha </a:t>
            </a:r>
            <a:r>
              <a:rPr lang="en-US" sz="1500" dirty="0" err="1">
                <a:solidFill>
                  <a:prstClr val="black"/>
                </a:solidFill>
                <a:latin typeface="Verdana"/>
              </a:rPr>
              <a:t>avg</a:t>
            </a:r>
            <a:r>
              <a:rPr lang="en-US" sz="1500" dirty="0">
                <a:solidFill>
                  <a:prstClr val="black"/>
                </a:solidFill>
                <a:latin typeface="Verdana"/>
              </a:rPr>
              <a:t> in 24/29 states) limits scope/ resources for diversification &amp; capacity building</a:t>
            </a:r>
          </a:p>
        </p:txBody>
      </p:sp>
      <p:sp>
        <p:nvSpPr>
          <p:cNvPr id="34" name="Source">
            <a:extLst>
              <a:ext uri="{FF2B5EF4-FFF2-40B4-BE49-F238E27FC236}">
                <a16:creationId xmlns:a16="http://schemas.microsoft.com/office/drawing/2014/main" id="{4762739A-8314-D349-B813-143084A0ED68}"/>
              </a:ext>
            </a:extLst>
          </p:cNvPr>
          <p:cNvSpPr>
            <a:spLocks noGrp="1"/>
          </p:cNvSpPr>
          <p:nvPr>
            <p:custDataLst>
              <p:tags r:id="rId4"/>
            </p:custDataLst>
          </p:nvPr>
        </p:nvSpPr>
        <p:spPr bwMode="auto">
          <a:xfrm>
            <a:off x="8811425" y="3286074"/>
            <a:ext cx="3916009" cy="101098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3406" tIns="43406" rIns="43406" bIns="43406" numCol="1" anchor="t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indent="0" algn="just">
              <a:spcBef>
                <a:spcPts val="500"/>
              </a:spcBef>
              <a:spcAft>
                <a:spcPts val="0"/>
              </a:spcAft>
              <a:buClrTx/>
              <a:buSzPct val="100000"/>
              <a:buNone/>
            </a:pPr>
            <a:r>
              <a:rPr lang="en-US" sz="1500" dirty="0">
                <a:solidFill>
                  <a:prstClr val="black"/>
                </a:solidFill>
                <a:latin typeface="Verdana"/>
              </a:rPr>
              <a:t>Dissemination of information like new </a:t>
            </a:r>
            <a:r>
              <a:rPr lang="en-US" sz="1500" dirty="0" err="1">
                <a:solidFill>
                  <a:prstClr val="black"/>
                </a:solidFill>
                <a:latin typeface="Verdana"/>
              </a:rPr>
              <a:t>agri</a:t>
            </a:r>
            <a:r>
              <a:rPr lang="en-US" sz="1500" dirty="0">
                <a:solidFill>
                  <a:prstClr val="black"/>
                </a:solidFill>
                <a:latin typeface="Verdana"/>
              </a:rPr>
              <a:t> techniques, govt. schemes, weather &amp; market demands remain poor</a:t>
            </a:r>
          </a:p>
        </p:txBody>
      </p:sp>
      <p:sp>
        <p:nvSpPr>
          <p:cNvPr id="35" name="Source">
            <a:extLst>
              <a:ext uri="{FF2B5EF4-FFF2-40B4-BE49-F238E27FC236}">
                <a16:creationId xmlns:a16="http://schemas.microsoft.com/office/drawing/2014/main" id="{24778238-635A-5846-999B-4750833580E8}"/>
              </a:ext>
            </a:extLst>
          </p:cNvPr>
          <p:cNvSpPr>
            <a:spLocks noGrp="1"/>
          </p:cNvSpPr>
          <p:nvPr>
            <p:custDataLst>
              <p:tags r:id="rId5"/>
            </p:custDataLst>
          </p:nvPr>
        </p:nvSpPr>
        <p:spPr bwMode="auto">
          <a:xfrm>
            <a:off x="8811425" y="4509518"/>
            <a:ext cx="3916009" cy="101098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3406" tIns="43406" rIns="43406" bIns="43406" numCol="1" anchor="t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indent="0" algn="just">
              <a:spcBef>
                <a:spcPts val="960"/>
              </a:spcBef>
              <a:spcAft>
                <a:spcPts val="0"/>
              </a:spcAft>
              <a:buClrTx/>
              <a:buSzPct val="100000"/>
              <a:buNone/>
            </a:pPr>
            <a:r>
              <a:rPr lang="en-US" sz="1500" dirty="0">
                <a:solidFill>
                  <a:prstClr val="black"/>
                </a:solidFill>
                <a:latin typeface="Verdana"/>
              </a:rPr>
              <a:t>Zamindars (large land owners) don’t have entrepreneurial capabilities, knowledge, will or resources often sustaining on rental</a:t>
            </a:r>
          </a:p>
        </p:txBody>
      </p:sp>
      <p:sp>
        <p:nvSpPr>
          <p:cNvPr id="36" name="Source">
            <a:extLst>
              <a:ext uri="{FF2B5EF4-FFF2-40B4-BE49-F238E27FC236}">
                <a16:creationId xmlns:a16="http://schemas.microsoft.com/office/drawing/2014/main" id="{A2DF22F4-7659-C742-ABB9-061EF9730351}"/>
              </a:ext>
            </a:extLst>
          </p:cNvPr>
          <p:cNvSpPr>
            <a:spLocks noGrp="1"/>
          </p:cNvSpPr>
          <p:nvPr>
            <p:custDataLst>
              <p:tags r:id="rId6"/>
            </p:custDataLst>
          </p:nvPr>
        </p:nvSpPr>
        <p:spPr bwMode="auto">
          <a:xfrm>
            <a:off x="8811425" y="5744841"/>
            <a:ext cx="3857653" cy="101098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3406" tIns="43406" rIns="43406" bIns="43406" numCol="1" anchor="t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indent="0" algn="just">
              <a:spcBef>
                <a:spcPts val="960"/>
              </a:spcBef>
              <a:spcAft>
                <a:spcPts val="0"/>
              </a:spcAft>
              <a:buClrTx/>
              <a:buSzPct val="100000"/>
              <a:buNone/>
            </a:pPr>
            <a:r>
              <a:rPr lang="en-US" sz="1500" dirty="0">
                <a:solidFill>
                  <a:prstClr val="black"/>
                </a:solidFill>
                <a:latin typeface="Verdana"/>
              </a:rPr>
              <a:t>Currently risk (production, market, personal, financial and intuitional) are borne by farmers, limiting experimentation</a:t>
            </a:r>
          </a:p>
        </p:txBody>
      </p:sp>
    </p:spTree>
    <p:extLst>
      <p:ext uri="{BB962C8B-B14F-4D97-AF65-F5344CB8AC3E}">
        <p14:creationId xmlns:p14="http://schemas.microsoft.com/office/powerpoint/2010/main" val="8442684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 advTm="4822"/>
    </mc:Choice>
    <mc:Fallback xmlns="">
      <p:transition spd="slow" advTm="4822"/>
    </mc:Fallback>
  </mc:AlternateContent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1">
            <a:extLst>
              <a:ext uri="{FF2B5EF4-FFF2-40B4-BE49-F238E27FC236}">
                <a16:creationId xmlns:a16="http://schemas.microsoft.com/office/drawing/2014/main" id="{7E663DE7-EDE3-FA42-A802-1BEEB79B7815}"/>
              </a:ext>
            </a:extLst>
          </p:cNvPr>
          <p:cNvSpPr txBox="1">
            <a:spLocks/>
          </p:cNvSpPr>
          <p:nvPr/>
        </p:nvSpPr>
        <p:spPr bwMode="gray">
          <a:xfrm>
            <a:off x="236498" y="4374776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endParaRPr lang="en-US" sz="3300" b="1" dirty="0">
              <a:solidFill>
                <a:srgbClr val="002060"/>
              </a:solidFill>
            </a:endParaRPr>
          </a:p>
        </p:txBody>
      </p:sp>
      <p:sp>
        <p:nvSpPr>
          <p:cNvPr id="5" name="Title 1">
            <a:extLst>
              <a:ext uri="{FF2B5EF4-FFF2-40B4-BE49-F238E27FC236}">
                <a16:creationId xmlns:a16="http://schemas.microsoft.com/office/drawing/2014/main" id="{D5B1C0A7-38E7-4248-A5DE-0D739461F8F3}"/>
              </a:ext>
            </a:extLst>
          </p:cNvPr>
          <p:cNvSpPr txBox="1">
            <a:spLocks/>
          </p:cNvSpPr>
          <p:nvPr/>
        </p:nvSpPr>
        <p:spPr bwMode="gray">
          <a:xfrm>
            <a:off x="236498" y="308222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Currently, multiple factors inhibit their implementation</a:t>
            </a:r>
          </a:p>
        </p:txBody>
      </p:sp>
      <p:sp>
        <p:nvSpPr>
          <p:cNvPr id="4" name="Rounded Rectangle 3">
            <a:extLst>
              <a:ext uri="{FF2B5EF4-FFF2-40B4-BE49-F238E27FC236}">
                <a16:creationId xmlns:a16="http://schemas.microsoft.com/office/drawing/2014/main" id="{EA561F4A-6B47-FC42-A8E6-86D9C1B0812D}"/>
              </a:ext>
            </a:extLst>
          </p:cNvPr>
          <p:cNvSpPr/>
          <p:nvPr/>
        </p:nvSpPr>
        <p:spPr>
          <a:xfrm>
            <a:off x="1135637" y="1413581"/>
            <a:ext cx="1260117" cy="1260117"/>
          </a:xfrm>
          <a:prstGeom prst="roundRect">
            <a:avLst>
              <a:gd name="adj" fmla="val 50000"/>
            </a:avLst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FFFFFF"/>
              </a:solidFill>
            </a:endParaRP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C0C1CD1F-3714-D040-91F8-D906BF7050E3}"/>
              </a:ext>
            </a:extLst>
          </p:cNvPr>
          <p:cNvSpPr/>
          <p:nvPr/>
        </p:nvSpPr>
        <p:spPr>
          <a:xfrm>
            <a:off x="1765696" y="1413581"/>
            <a:ext cx="3233024" cy="1260117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FFFFFF"/>
              </a:solidFill>
            </a:endParaRPr>
          </a:p>
        </p:txBody>
      </p:sp>
      <p:sp>
        <p:nvSpPr>
          <p:cNvPr id="7" name="Rounded Rectangle 6">
            <a:extLst>
              <a:ext uri="{FF2B5EF4-FFF2-40B4-BE49-F238E27FC236}">
                <a16:creationId xmlns:a16="http://schemas.microsoft.com/office/drawing/2014/main" id="{2B01D732-6487-3B47-B2AA-E9E1F580BED1}"/>
              </a:ext>
            </a:extLst>
          </p:cNvPr>
          <p:cNvSpPr/>
          <p:nvPr/>
        </p:nvSpPr>
        <p:spPr>
          <a:xfrm>
            <a:off x="1237854" y="1509507"/>
            <a:ext cx="1068263" cy="1068264"/>
          </a:xfrm>
          <a:prstGeom prst="roundRect">
            <a:avLst>
              <a:gd name="adj" fmla="val 50000"/>
            </a:avLst>
          </a:prstGeom>
          <a:solidFill>
            <a:srgbClr val="FFFFFF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000000"/>
              </a:solidFill>
            </a:endParaRP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CC6E91FB-AC4B-494E-854C-E89E4188B2A7}"/>
              </a:ext>
            </a:extLst>
          </p:cNvPr>
          <p:cNvSpPr/>
          <p:nvPr/>
        </p:nvSpPr>
        <p:spPr>
          <a:xfrm>
            <a:off x="5191760" y="1400329"/>
            <a:ext cx="6461760" cy="1260117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000000"/>
              </a:solidFill>
            </a:endParaRPr>
          </a:p>
        </p:txBody>
      </p:sp>
      <p:sp>
        <p:nvSpPr>
          <p:cNvPr id="9" name="Rounded Rectangle 8">
            <a:extLst>
              <a:ext uri="{FF2B5EF4-FFF2-40B4-BE49-F238E27FC236}">
                <a16:creationId xmlns:a16="http://schemas.microsoft.com/office/drawing/2014/main" id="{3D1AE806-2C5E-1447-B8D4-8E005C9CC74A}"/>
              </a:ext>
            </a:extLst>
          </p:cNvPr>
          <p:cNvSpPr/>
          <p:nvPr/>
        </p:nvSpPr>
        <p:spPr>
          <a:xfrm>
            <a:off x="1135637" y="2769625"/>
            <a:ext cx="1260117" cy="1260117"/>
          </a:xfrm>
          <a:prstGeom prst="roundRect">
            <a:avLst>
              <a:gd name="adj" fmla="val 50000"/>
            </a:avLst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FFFFFF"/>
              </a:solidFill>
            </a:endParaRP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93491A7F-CE76-044A-A062-BF708D1F492C}"/>
              </a:ext>
            </a:extLst>
          </p:cNvPr>
          <p:cNvSpPr/>
          <p:nvPr/>
        </p:nvSpPr>
        <p:spPr>
          <a:xfrm>
            <a:off x="1765696" y="2769625"/>
            <a:ext cx="3233024" cy="1260117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FFFFFF"/>
              </a:solidFill>
            </a:endParaRPr>
          </a:p>
        </p:txBody>
      </p:sp>
      <p:sp>
        <p:nvSpPr>
          <p:cNvPr id="11" name="Rounded Rectangle 10">
            <a:extLst>
              <a:ext uri="{FF2B5EF4-FFF2-40B4-BE49-F238E27FC236}">
                <a16:creationId xmlns:a16="http://schemas.microsoft.com/office/drawing/2014/main" id="{5ECBD678-9116-DC44-89E8-26A9107A3288}"/>
              </a:ext>
            </a:extLst>
          </p:cNvPr>
          <p:cNvSpPr/>
          <p:nvPr/>
        </p:nvSpPr>
        <p:spPr>
          <a:xfrm>
            <a:off x="1237854" y="2865552"/>
            <a:ext cx="1068263" cy="1068264"/>
          </a:xfrm>
          <a:prstGeom prst="roundRect">
            <a:avLst>
              <a:gd name="adj" fmla="val 50000"/>
            </a:avLst>
          </a:prstGeom>
          <a:solidFill>
            <a:srgbClr val="FFFFFF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000000"/>
              </a:solidFill>
            </a:endParaRP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30B35F25-E209-1046-AC18-5CF05BC16974}"/>
              </a:ext>
            </a:extLst>
          </p:cNvPr>
          <p:cNvSpPr/>
          <p:nvPr/>
        </p:nvSpPr>
        <p:spPr>
          <a:xfrm>
            <a:off x="5191760" y="2769625"/>
            <a:ext cx="6461760" cy="1260117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000000"/>
              </a:solidFill>
            </a:endParaRPr>
          </a:p>
        </p:txBody>
      </p:sp>
      <p:sp>
        <p:nvSpPr>
          <p:cNvPr id="13" name="Rounded Rectangle 12">
            <a:extLst>
              <a:ext uri="{FF2B5EF4-FFF2-40B4-BE49-F238E27FC236}">
                <a16:creationId xmlns:a16="http://schemas.microsoft.com/office/drawing/2014/main" id="{89EEE776-8F15-A040-9DF0-160179341322}"/>
              </a:ext>
            </a:extLst>
          </p:cNvPr>
          <p:cNvSpPr/>
          <p:nvPr/>
        </p:nvSpPr>
        <p:spPr>
          <a:xfrm>
            <a:off x="1135637" y="4125670"/>
            <a:ext cx="1260117" cy="1260117"/>
          </a:xfrm>
          <a:prstGeom prst="roundRect">
            <a:avLst>
              <a:gd name="adj" fmla="val 50000"/>
            </a:avLst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FFFFFF"/>
              </a:solidFill>
            </a:endParaRP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214C2129-8E94-2540-AB88-2CF78D4B02FE}"/>
              </a:ext>
            </a:extLst>
          </p:cNvPr>
          <p:cNvSpPr/>
          <p:nvPr/>
        </p:nvSpPr>
        <p:spPr>
          <a:xfrm>
            <a:off x="1765696" y="4125670"/>
            <a:ext cx="3233024" cy="1260117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FFFFFF"/>
              </a:solidFill>
            </a:endParaRP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D105F061-E902-3E4F-A6FE-90B96C625963}"/>
              </a:ext>
            </a:extLst>
          </p:cNvPr>
          <p:cNvSpPr/>
          <p:nvPr/>
        </p:nvSpPr>
        <p:spPr>
          <a:xfrm>
            <a:off x="5191760" y="4125670"/>
            <a:ext cx="6461760" cy="1260117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000000"/>
              </a:solidFill>
            </a:endParaRPr>
          </a:p>
        </p:txBody>
      </p:sp>
      <p:sp>
        <p:nvSpPr>
          <p:cNvPr id="16" name="Rounded Rectangle 15">
            <a:extLst>
              <a:ext uri="{FF2B5EF4-FFF2-40B4-BE49-F238E27FC236}">
                <a16:creationId xmlns:a16="http://schemas.microsoft.com/office/drawing/2014/main" id="{989B127B-95DB-754F-83B4-D8BAFC461000}"/>
              </a:ext>
            </a:extLst>
          </p:cNvPr>
          <p:cNvSpPr/>
          <p:nvPr/>
        </p:nvSpPr>
        <p:spPr>
          <a:xfrm>
            <a:off x="1135637" y="5481714"/>
            <a:ext cx="1260117" cy="1260117"/>
          </a:xfrm>
          <a:prstGeom prst="roundRect">
            <a:avLst>
              <a:gd name="adj" fmla="val 50000"/>
            </a:avLst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FFFFFF"/>
              </a:solidFill>
            </a:endParaRPr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09A38B1F-15A3-5742-BAB0-582DE5ACB4EE}"/>
              </a:ext>
            </a:extLst>
          </p:cNvPr>
          <p:cNvSpPr/>
          <p:nvPr/>
        </p:nvSpPr>
        <p:spPr>
          <a:xfrm>
            <a:off x="1765696" y="5481714"/>
            <a:ext cx="3233024" cy="1260117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FFFFFF"/>
              </a:solidFill>
            </a:endParaRPr>
          </a:p>
        </p:txBody>
      </p:sp>
      <p:sp>
        <p:nvSpPr>
          <p:cNvPr id="18" name="Rounded Rectangle 17">
            <a:extLst>
              <a:ext uri="{FF2B5EF4-FFF2-40B4-BE49-F238E27FC236}">
                <a16:creationId xmlns:a16="http://schemas.microsoft.com/office/drawing/2014/main" id="{E2278FD2-9D04-C94F-A69D-60297C18628B}"/>
              </a:ext>
            </a:extLst>
          </p:cNvPr>
          <p:cNvSpPr/>
          <p:nvPr/>
        </p:nvSpPr>
        <p:spPr>
          <a:xfrm>
            <a:off x="1237854" y="5577641"/>
            <a:ext cx="1068263" cy="1068264"/>
          </a:xfrm>
          <a:prstGeom prst="roundRect">
            <a:avLst>
              <a:gd name="adj" fmla="val 50000"/>
            </a:avLst>
          </a:prstGeom>
          <a:solidFill>
            <a:srgbClr val="FFFFFF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000000"/>
              </a:solidFill>
            </a:endParaRPr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BCC4ADFE-5C6A-3542-82DE-89239851F0EE}"/>
              </a:ext>
            </a:extLst>
          </p:cNvPr>
          <p:cNvSpPr/>
          <p:nvPr/>
        </p:nvSpPr>
        <p:spPr>
          <a:xfrm>
            <a:off x="5191760" y="5481714"/>
            <a:ext cx="6461760" cy="1260117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000000"/>
              </a:solidFill>
            </a:endParaRPr>
          </a:p>
        </p:txBody>
      </p:sp>
      <p:sp>
        <p:nvSpPr>
          <p:cNvPr id="20" name="Source">
            <a:extLst>
              <a:ext uri="{FF2B5EF4-FFF2-40B4-BE49-F238E27FC236}">
                <a16:creationId xmlns:a16="http://schemas.microsoft.com/office/drawing/2014/main" id="{8F4CA15C-9178-E746-9499-211F4F4460BC}"/>
              </a:ext>
            </a:extLst>
          </p:cNvPr>
          <p:cNvSpPr>
            <a:spLocks noGrp="1"/>
          </p:cNvSpPr>
          <p:nvPr/>
        </p:nvSpPr>
        <p:spPr bwMode="auto">
          <a:xfrm>
            <a:off x="2497972" y="1722810"/>
            <a:ext cx="2500748" cy="64165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3406" tIns="43406" rIns="43406" bIns="43406" numCol="1" anchor="ctr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indent="0">
              <a:buClr>
                <a:prstClr val="black"/>
              </a:buClr>
              <a:buNone/>
            </a:pPr>
            <a:r>
              <a:rPr lang="en-US" b="1" dirty="0">
                <a:solidFill>
                  <a:schemeClr val="bg2"/>
                </a:solidFill>
                <a:latin typeface="Verdana"/>
              </a:rPr>
              <a:t>POOR ECONOMIES OF SCALE</a:t>
            </a:r>
          </a:p>
        </p:txBody>
      </p:sp>
      <p:sp>
        <p:nvSpPr>
          <p:cNvPr id="21" name="Source">
            <a:extLst>
              <a:ext uri="{FF2B5EF4-FFF2-40B4-BE49-F238E27FC236}">
                <a16:creationId xmlns:a16="http://schemas.microsoft.com/office/drawing/2014/main" id="{B70B9EBF-ACAD-CC47-A9E5-8B30A594FAC7}"/>
              </a:ext>
            </a:extLst>
          </p:cNvPr>
          <p:cNvSpPr>
            <a:spLocks noGrp="1"/>
          </p:cNvSpPr>
          <p:nvPr/>
        </p:nvSpPr>
        <p:spPr bwMode="auto">
          <a:xfrm>
            <a:off x="2497972" y="3078854"/>
            <a:ext cx="2368668" cy="64165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3406" tIns="43406" rIns="43406" bIns="43406" numCol="1" anchor="ctr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indent="0">
              <a:buClr>
                <a:prstClr val="black"/>
              </a:buClr>
              <a:buNone/>
            </a:pPr>
            <a:r>
              <a:rPr lang="en-US" b="1" dirty="0">
                <a:solidFill>
                  <a:schemeClr val="bg2"/>
                </a:solidFill>
                <a:latin typeface="Verdana"/>
              </a:rPr>
              <a:t>INFORMATION ASYMETERY</a:t>
            </a:r>
          </a:p>
        </p:txBody>
      </p:sp>
      <p:sp>
        <p:nvSpPr>
          <p:cNvPr id="22" name="Source">
            <a:extLst>
              <a:ext uri="{FF2B5EF4-FFF2-40B4-BE49-F238E27FC236}">
                <a16:creationId xmlns:a16="http://schemas.microsoft.com/office/drawing/2014/main" id="{C182FE58-8BB1-5C4F-8E7A-ECB09550F6AB}"/>
              </a:ext>
            </a:extLst>
          </p:cNvPr>
          <p:cNvSpPr>
            <a:spLocks noGrp="1"/>
          </p:cNvSpPr>
          <p:nvPr/>
        </p:nvSpPr>
        <p:spPr bwMode="auto">
          <a:xfrm>
            <a:off x="2555454" y="4296400"/>
            <a:ext cx="2311185" cy="91865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3406" tIns="43406" rIns="43406" bIns="43406" numCol="1" anchor="ctr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indent="0">
              <a:buClr>
                <a:prstClr val="black"/>
              </a:buClr>
              <a:buNone/>
            </a:pPr>
            <a:r>
              <a:rPr lang="en-US" b="1" dirty="0">
                <a:solidFill>
                  <a:schemeClr val="bg2"/>
                </a:solidFill>
                <a:latin typeface="Verdana"/>
              </a:rPr>
              <a:t>INCAPABILITY OF LARGE LAND OWNERS</a:t>
            </a:r>
          </a:p>
        </p:txBody>
      </p:sp>
      <p:sp>
        <p:nvSpPr>
          <p:cNvPr id="23" name="Source">
            <a:extLst>
              <a:ext uri="{FF2B5EF4-FFF2-40B4-BE49-F238E27FC236}">
                <a16:creationId xmlns:a16="http://schemas.microsoft.com/office/drawing/2014/main" id="{C091EB4B-34AA-0F47-9735-2749EC77E538}"/>
              </a:ext>
            </a:extLst>
          </p:cNvPr>
          <p:cNvSpPr>
            <a:spLocks noGrp="1"/>
          </p:cNvSpPr>
          <p:nvPr/>
        </p:nvSpPr>
        <p:spPr bwMode="auto">
          <a:xfrm>
            <a:off x="2555454" y="5806432"/>
            <a:ext cx="2590386" cy="64165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3406" tIns="43406" rIns="43406" bIns="43406" numCol="1" anchor="t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indent="0">
              <a:buClr>
                <a:prstClr val="black"/>
              </a:buClr>
              <a:buNone/>
            </a:pPr>
            <a:r>
              <a:rPr lang="en-US" b="1" dirty="0">
                <a:solidFill>
                  <a:schemeClr val="bg2"/>
                </a:solidFill>
                <a:latin typeface="Verdana"/>
              </a:rPr>
              <a:t>RISK CONCENTERATION</a:t>
            </a:r>
          </a:p>
        </p:txBody>
      </p:sp>
      <p:sp>
        <p:nvSpPr>
          <p:cNvPr id="24" name="Source">
            <a:extLst>
              <a:ext uri="{FF2B5EF4-FFF2-40B4-BE49-F238E27FC236}">
                <a16:creationId xmlns:a16="http://schemas.microsoft.com/office/drawing/2014/main" id="{D7A99EF9-870F-0448-B3CB-3BC035C29145}"/>
              </a:ext>
            </a:extLst>
          </p:cNvPr>
          <p:cNvSpPr>
            <a:spLocks noGrp="1"/>
          </p:cNvSpPr>
          <p:nvPr>
            <p:custDataLst>
              <p:tags r:id="rId1"/>
            </p:custDataLst>
          </p:nvPr>
        </p:nvSpPr>
        <p:spPr bwMode="auto">
          <a:xfrm>
            <a:off x="5191761" y="1514077"/>
            <a:ext cx="6318922" cy="11392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3406" tIns="43406" rIns="43406" bIns="43406" numCol="1" anchor="t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algn="just">
              <a:spcBef>
                <a:spcPts val="960"/>
              </a:spcBef>
              <a:spcAft>
                <a:spcPts val="0"/>
              </a:spcAft>
              <a:buClrTx/>
              <a:buSzPct val="100000"/>
            </a:pPr>
            <a:r>
              <a:rPr lang="en-US" sz="1500" dirty="0">
                <a:solidFill>
                  <a:prstClr val="black"/>
                </a:solidFill>
                <a:latin typeface="Verdana"/>
              </a:rPr>
              <a:t>Small land size (&lt;2 ha </a:t>
            </a:r>
            <a:r>
              <a:rPr lang="en-US" sz="1500" dirty="0" err="1">
                <a:solidFill>
                  <a:prstClr val="black"/>
                </a:solidFill>
                <a:latin typeface="Verdana"/>
              </a:rPr>
              <a:t>avg</a:t>
            </a:r>
            <a:r>
              <a:rPr lang="en-US" sz="1500" dirty="0">
                <a:solidFill>
                  <a:prstClr val="black"/>
                </a:solidFill>
                <a:latin typeface="Verdana"/>
              </a:rPr>
              <a:t> in 24/29 states) limits scope/ resources for diversification &amp; capacity building</a:t>
            </a:r>
          </a:p>
          <a:p>
            <a:pPr algn="just">
              <a:spcBef>
                <a:spcPts val="960"/>
              </a:spcBef>
              <a:spcAft>
                <a:spcPts val="0"/>
              </a:spcAft>
              <a:buClrTx/>
              <a:buSzPct val="100000"/>
            </a:pPr>
            <a:r>
              <a:rPr lang="en-US" sz="1500" dirty="0">
                <a:solidFill>
                  <a:prstClr val="black"/>
                </a:solidFill>
                <a:latin typeface="Verdana"/>
              </a:rPr>
              <a:t>Income growth for small farmers (&lt;.4 ha) has been 10-13% over 10 years (against 102% for large farmers) </a:t>
            </a:r>
          </a:p>
        </p:txBody>
      </p:sp>
      <p:sp>
        <p:nvSpPr>
          <p:cNvPr id="28" name="Rounded Rectangle 27">
            <a:extLst>
              <a:ext uri="{FF2B5EF4-FFF2-40B4-BE49-F238E27FC236}">
                <a16:creationId xmlns:a16="http://schemas.microsoft.com/office/drawing/2014/main" id="{4A23C164-7508-784E-B13B-02E91099305E}"/>
              </a:ext>
            </a:extLst>
          </p:cNvPr>
          <p:cNvSpPr/>
          <p:nvPr/>
        </p:nvSpPr>
        <p:spPr>
          <a:xfrm>
            <a:off x="1244918" y="4204190"/>
            <a:ext cx="1068263" cy="1068264"/>
          </a:xfrm>
          <a:prstGeom prst="roundRect">
            <a:avLst>
              <a:gd name="adj" fmla="val 50000"/>
            </a:avLst>
          </a:prstGeom>
          <a:solidFill>
            <a:srgbClr val="FFFFFF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000000"/>
              </a:solidFill>
            </a:endParaRPr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FEF7127-923A-2A4D-A75A-6D0E61FAC499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1384509" y="1630159"/>
            <a:ext cx="800686" cy="800686"/>
          </a:xfrm>
          <a:prstGeom prst="rect">
            <a:avLst/>
          </a:prstGeom>
        </p:spPr>
      </p:pic>
      <p:pic>
        <p:nvPicPr>
          <p:cNvPr id="29" name="Picture 28">
            <a:extLst>
              <a:ext uri="{FF2B5EF4-FFF2-40B4-BE49-F238E27FC236}">
                <a16:creationId xmlns:a16="http://schemas.microsoft.com/office/drawing/2014/main" id="{03A651BA-2140-4641-9F56-C70390FC4E17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1364631" y="2981534"/>
            <a:ext cx="840443" cy="840443"/>
          </a:xfrm>
          <a:prstGeom prst="rect">
            <a:avLst/>
          </a:prstGeom>
        </p:spPr>
      </p:pic>
      <p:pic>
        <p:nvPicPr>
          <p:cNvPr id="30" name="Picture 29">
            <a:extLst>
              <a:ext uri="{FF2B5EF4-FFF2-40B4-BE49-F238E27FC236}">
                <a16:creationId xmlns:a16="http://schemas.microsoft.com/office/drawing/2014/main" id="{BCE91FF9-E7BF-9342-B50D-CE44DF7D9BBF}"/>
              </a:ext>
            </a:extLst>
          </p:cNvPr>
          <p:cNvPicPr>
            <a:picLocks noChangeAspect="1"/>
          </p:cNvPicPr>
          <p:nvPr/>
        </p:nvPicPr>
        <p:blipFill>
          <a:blip r:embed="rId9"/>
          <a:stretch>
            <a:fillRect/>
          </a:stretch>
        </p:blipFill>
        <p:spPr>
          <a:xfrm>
            <a:off x="1358005" y="4296400"/>
            <a:ext cx="853695" cy="853695"/>
          </a:xfrm>
          <a:prstGeom prst="rect">
            <a:avLst/>
          </a:prstGeom>
        </p:spPr>
      </p:pic>
      <p:pic>
        <p:nvPicPr>
          <p:cNvPr id="31" name="Picture 30">
            <a:extLst>
              <a:ext uri="{FF2B5EF4-FFF2-40B4-BE49-F238E27FC236}">
                <a16:creationId xmlns:a16="http://schemas.microsoft.com/office/drawing/2014/main" id="{0D6CF5AC-3CC7-A94A-ADC5-B895633B1622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1392895" y="5704316"/>
            <a:ext cx="783915" cy="783915"/>
          </a:xfrm>
          <a:prstGeom prst="rect">
            <a:avLst/>
          </a:prstGeom>
        </p:spPr>
      </p:pic>
      <p:sp>
        <p:nvSpPr>
          <p:cNvPr id="32" name="Source">
            <a:extLst>
              <a:ext uri="{FF2B5EF4-FFF2-40B4-BE49-F238E27FC236}">
                <a16:creationId xmlns:a16="http://schemas.microsoft.com/office/drawing/2014/main" id="{F70C0761-F44D-F54A-AEE0-446613B538D2}"/>
              </a:ext>
            </a:extLst>
          </p:cNvPr>
          <p:cNvSpPr>
            <a:spLocks noGrp="1"/>
          </p:cNvSpPr>
          <p:nvPr>
            <p:custDataLst>
              <p:tags r:id="rId2"/>
            </p:custDataLst>
          </p:nvPr>
        </p:nvSpPr>
        <p:spPr bwMode="auto">
          <a:xfrm>
            <a:off x="5203890" y="2764939"/>
            <a:ext cx="6306793" cy="13059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3406" tIns="43406" rIns="43406" bIns="43406" numCol="1" anchor="t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algn="just">
              <a:spcBef>
                <a:spcPts val="500"/>
              </a:spcBef>
              <a:spcAft>
                <a:spcPts val="0"/>
              </a:spcAft>
              <a:buClrTx/>
              <a:buSzPct val="100000"/>
            </a:pPr>
            <a:r>
              <a:rPr lang="en-US" sz="1500" dirty="0">
                <a:solidFill>
                  <a:prstClr val="black"/>
                </a:solidFill>
                <a:latin typeface="Verdana"/>
              </a:rPr>
              <a:t>Dissemination of information such as new agricultural techniques, govt. schemes, weather trends &amp; market demands remain poor.</a:t>
            </a:r>
          </a:p>
          <a:p>
            <a:pPr algn="just">
              <a:spcBef>
                <a:spcPts val="500"/>
              </a:spcBef>
              <a:spcAft>
                <a:spcPts val="0"/>
              </a:spcAft>
              <a:buClrTx/>
              <a:buSzPct val="100000"/>
            </a:pPr>
            <a:r>
              <a:rPr lang="en-US" sz="1500" dirty="0">
                <a:solidFill>
                  <a:prstClr val="black"/>
                </a:solidFill>
                <a:latin typeface="Verdana"/>
              </a:rPr>
              <a:t>Farmers are not able to command the premium prices paid by end consumers</a:t>
            </a:r>
          </a:p>
        </p:txBody>
      </p:sp>
      <p:sp>
        <p:nvSpPr>
          <p:cNvPr id="33" name="Source">
            <a:extLst>
              <a:ext uri="{FF2B5EF4-FFF2-40B4-BE49-F238E27FC236}">
                <a16:creationId xmlns:a16="http://schemas.microsoft.com/office/drawing/2014/main" id="{98DC3D05-6BA0-7542-B89B-B760A8BBE234}"/>
              </a:ext>
            </a:extLst>
          </p:cNvPr>
          <p:cNvSpPr>
            <a:spLocks noGrp="1"/>
          </p:cNvSpPr>
          <p:nvPr>
            <p:custDataLst>
              <p:tags r:id="rId3"/>
            </p:custDataLst>
          </p:nvPr>
        </p:nvSpPr>
        <p:spPr bwMode="auto">
          <a:xfrm>
            <a:off x="5203890" y="4222435"/>
            <a:ext cx="6306793" cy="11392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3406" tIns="43406" rIns="43406" bIns="43406" numCol="1" anchor="t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algn="just">
              <a:spcBef>
                <a:spcPts val="960"/>
              </a:spcBef>
              <a:spcAft>
                <a:spcPts val="0"/>
              </a:spcAft>
              <a:buClrTx/>
              <a:buSzPct val="100000"/>
            </a:pPr>
            <a:r>
              <a:rPr lang="en-US" sz="1500" dirty="0">
                <a:solidFill>
                  <a:prstClr val="black"/>
                </a:solidFill>
                <a:latin typeface="Verdana"/>
              </a:rPr>
              <a:t>Zamindars (large land owners) don’t have entrepreneurial capabilities, knowledge, will or resources</a:t>
            </a:r>
          </a:p>
          <a:p>
            <a:pPr algn="just">
              <a:spcBef>
                <a:spcPts val="960"/>
              </a:spcBef>
              <a:spcAft>
                <a:spcPts val="0"/>
              </a:spcAft>
              <a:buClrTx/>
              <a:buSzPct val="100000"/>
            </a:pPr>
            <a:r>
              <a:rPr lang="en-US" sz="1500" dirty="0">
                <a:solidFill>
                  <a:prstClr val="black"/>
                </a:solidFill>
                <a:latin typeface="Verdana"/>
              </a:rPr>
              <a:t>They sustain on rental incomes extracted from landless farmers ploughing their fields</a:t>
            </a:r>
          </a:p>
        </p:txBody>
      </p:sp>
      <p:sp>
        <p:nvSpPr>
          <p:cNvPr id="35" name="Source">
            <a:extLst>
              <a:ext uri="{FF2B5EF4-FFF2-40B4-BE49-F238E27FC236}">
                <a16:creationId xmlns:a16="http://schemas.microsoft.com/office/drawing/2014/main" id="{18D725CE-9ABF-3740-9ABE-3E3A0DF8176F}"/>
              </a:ext>
            </a:extLst>
          </p:cNvPr>
          <p:cNvSpPr>
            <a:spLocks noGrp="1"/>
          </p:cNvSpPr>
          <p:nvPr>
            <p:custDataLst>
              <p:tags r:id="rId4"/>
            </p:custDataLst>
          </p:nvPr>
        </p:nvSpPr>
        <p:spPr bwMode="auto">
          <a:xfrm>
            <a:off x="5224430" y="5555147"/>
            <a:ext cx="6286254" cy="11392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3406" tIns="43406" rIns="43406" bIns="43406" numCol="1" anchor="t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algn="just">
              <a:spcBef>
                <a:spcPts val="960"/>
              </a:spcBef>
              <a:spcAft>
                <a:spcPts val="0"/>
              </a:spcAft>
              <a:buClrTx/>
              <a:buSzPct val="100000"/>
            </a:pPr>
            <a:r>
              <a:rPr lang="en-US" sz="1500" dirty="0">
                <a:solidFill>
                  <a:prstClr val="black"/>
                </a:solidFill>
                <a:latin typeface="Verdana"/>
              </a:rPr>
              <a:t>Currently all risk (production, market, personal, financial and intuitional) are borne by farmers, limiting experimentation. </a:t>
            </a:r>
          </a:p>
          <a:p>
            <a:pPr algn="just">
              <a:spcBef>
                <a:spcPts val="960"/>
              </a:spcBef>
              <a:spcAft>
                <a:spcPts val="0"/>
              </a:spcAft>
              <a:buClrTx/>
              <a:buSzPct val="100000"/>
            </a:pPr>
            <a:r>
              <a:rPr lang="en-US" sz="1500" dirty="0">
                <a:solidFill>
                  <a:prstClr val="black"/>
                </a:solidFill>
                <a:latin typeface="Verdana"/>
              </a:rPr>
              <a:t>Risk reducing insurance cover ~26% cultivated land with 66% farm households unaware &amp; 21% unsatisfied with terms</a:t>
            </a:r>
          </a:p>
        </p:txBody>
      </p:sp>
      <p:sp>
        <p:nvSpPr>
          <p:cNvPr id="34" name="Rectangle 33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36" name="Rectangle 35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868281476"/>
      </p:ext>
    </p:extLst>
  </p:cSld>
  <p:clrMapOvr>
    <a:masterClrMapping/>
  </p:clrMapOvr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itle 1">
            <a:extLst>
              <a:ext uri="{FF2B5EF4-FFF2-40B4-BE49-F238E27FC236}">
                <a16:creationId xmlns:a16="http://schemas.microsoft.com/office/drawing/2014/main" id="{5E555FDA-F4B6-2245-A92A-E847FDFB68C9}"/>
              </a:ext>
            </a:extLst>
          </p:cNvPr>
          <p:cNvSpPr txBox="1">
            <a:spLocks/>
          </p:cNvSpPr>
          <p:nvPr/>
        </p:nvSpPr>
        <p:spPr bwMode="gray">
          <a:xfrm>
            <a:off x="236498" y="56430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Selection of farm lands and farmer</a:t>
            </a:r>
          </a:p>
        </p:txBody>
      </p:sp>
      <p:cxnSp>
        <p:nvCxnSpPr>
          <p:cNvPr id="7" name="Straight Connector 6">
            <a:extLst>
              <a:ext uri="{FF2B5EF4-FFF2-40B4-BE49-F238E27FC236}">
                <a16:creationId xmlns:a16="http://schemas.microsoft.com/office/drawing/2014/main" id="{EDBE2DC1-3EF8-AE45-A8E4-66FD82A6DF81}"/>
              </a:ext>
            </a:extLst>
          </p:cNvPr>
          <p:cNvCxnSpPr/>
          <p:nvPr/>
        </p:nvCxnSpPr>
        <p:spPr>
          <a:xfrm>
            <a:off x="0" y="3909394"/>
            <a:ext cx="12841288" cy="0"/>
          </a:xfrm>
          <a:prstGeom prst="line">
            <a:avLst/>
          </a:prstGeom>
          <a:ln w="57150">
            <a:solidFill>
              <a:srgbClr val="00905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" name="Rectangle 4">
            <a:extLst>
              <a:ext uri="{FF2B5EF4-FFF2-40B4-BE49-F238E27FC236}">
                <a16:creationId xmlns:a16="http://schemas.microsoft.com/office/drawing/2014/main" id="{CA27750D-309D-B842-A9E3-8BB8B97EABE5}"/>
              </a:ext>
            </a:extLst>
          </p:cNvPr>
          <p:cNvSpPr>
            <a:spLocks noChangeArrowheads="1"/>
          </p:cNvSpPr>
          <p:nvPr/>
        </p:nvSpPr>
        <p:spPr bwMode="gray">
          <a:xfrm>
            <a:off x="3211039" y="4660261"/>
            <a:ext cx="3358282" cy="578876"/>
          </a:xfrm>
          <a:prstGeom prst="chevron">
            <a:avLst/>
          </a:prstGeom>
          <a:solidFill>
            <a:srgbClr val="009051"/>
          </a:solidFill>
          <a:ln w="12700">
            <a:solidFill>
              <a:srgbClr val="F8F8F8"/>
            </a:solidFill>
            <a:miter lim="800000"/>
            <a:headEnd/>
            <a:tailEnd/>
          </a:ln>
          <a:effectLst/>
        </p:spPr>
        <p:txBody>
          <a:bodyPr wrap="none" lIns="103357" tIns="51679" rIns="103357" bIns="51679" anchor="ctr"/>
          <a:lstStyle/>
          <a:p>
            <a:pPr algn="ctr">
              <a:defRPr/>
            </a:pPr>
            <a:r>
              <a:rPr lang="en-US" sz="1600" b="1" noProof="1">
                <a:solidFill>
                  <a:srgbClr val="FFFFFF"/>
                </a:solidFill>
                <a:latin typeface="+mj-lt"/>
                <a:cs typeface="Calibri" panose="020F0502020204030204" pitchFamily="34" charset="0"/>
              </a:rPr>
              <a:t>Experience in Farming</a:t>
            </a:r>
            <a:endParaRPr lang="en-CA" sz="1400" b="1" noProof="1">
              <a:solidFill>
                <a:srgbClr val="FFFFFF"/>
              </a:solidFill>
              <a:latin typeface="+mj-lt"/>
              <a:cs typeface="Calibri" panose="020F0502020204030204" pitchFamily="34" charset="0"/>
            </a:endParaRPr>
          </a:p>
        </p:txBody>
      </p:sp>
      <p:sp>
        <p:nvSpPr>
          <p:cNvPr id="10" name="Rectangle 6">
            <a:extLst>
              <a:ext uri="{FF2B5EF4-FFF2-40B4-BE49-F238E27FC236}">
                <a16:creationId xmlns:a16="http://schemas.microsoft.com/office/drawing/2014/main" id="{525E03FC-20F6-7D43-94DE-F7A9CC4B028F}"/>
              </a:ext>
            </a:extLst>
          </p:cNvPr>
          <p:cNvSpPr>
            <a:spLocks noChangeArrowheads="1"/>
          </p:cNvSpPr>
          <p:nvPr/>
        </p:nvSpPr>
        <p:spPr bwMode="gray">
          <a:xfrm>
            <a:off x="6334294" y="4660261"/>
            <a:ext cx="3355340" cy="578876"/>
          </a:xfrm>
          <a:prstGeom prst="chevron">
            <a:avLst/>
          </a:prstGeom>
          <a:solidFill>
            <a:srgbClr val="009051"/>
          </a:solidFill>
          <a:ln w="12700">
            <a:solidFill>
              <a:srgbClr val="F8F8F8"/>
            </a:solidFill>
            <a:miter lim="800000"/>
            <a:headEnd/>
            <a:tailEnd/>
          </a:ln>
          <a:effectLst/>
        </p:spPr>
        <p:txBody>
          <a:bodyPr wrap="none" lIns="103357" tIns="51679" rIns="103357" bIns="51679" anchor="ctr"/>
          <a:lstStyle/>
          <a:p>
            <a:pPr algn="ctr">
              <a:defRPr/>
            </a:pPr>
            <a:r>
              <a:rPr lang="en-CA" sz="1600" b="1" noProof="1">
                <a:solidFill>
                  <a:srgbClr val="FFFFFF"/>
                </a:solidFill>
                <a:latin typeface="+mj-lt"/>
                <a:cs typeface="Calibri" panose="020F0502020204030204" pitchFamily="34" charset="0"/>
              </a:rPr>
              <a:t>Willingness to Start </a:t>
            </a:r>
            <a:br>
              <a:rPr lang="en-CA" sz="1600" b="1" noProof="1">
                <a:solidFill>
                  <a:srgbClr val="FFFFFF"/>
                </a:solidFill>
                <a:latin typeface="+mj-lt"/>
                <a:cs typeface="Calibri" panose="020F0502020204030204" pitchFamily="34" charset="0"/>
              </a:rPr>
            </a:br>
            <a:r>
              <a:rPr lang="en-CA" sz="1600" b="1" noProof="1">
                <a:solidFill>
                  <a:srgbClr val="FFFFFF"/>
                </a:solidFill>
                <a:latin typeface="+mj-lt"/>
                <a:cs typeface="Calibri" panose="020F0502020204030204" pitchFamily="34" charset="0"/>
              </a:rPr>
              <a:t>&amp; Learn</a:t>
            </a:r>
            <a:endParaRPr lang="en-CA" sz="1400" b="1" noProof="1">
              <a:solidFill>
                <a:srgbClr val="FFFFFF"/>
              </a:solidFill>
              <a:latin typeface="+mj-lt"/>
              <a:cs typeface="Calibri" panose="020F0502020204030204" pitchFamily="34" charset="0"/>
            </a:endParaRPr>
          </a:p>
        </p:txBody>
      </p:sp>
      <p:sp>
        <p:nvSpPr>
          <p:cNvPr id="11" name="Rectangle 4">
            <a:extLst>
              <a:ext uri="{FF2B5EF4-FFF2-40B4-BE49-F238E27FC236}">
                <a16:creationId xmlns:a16="http://schemas.microsoft.com/office/drawing/2014/main" id="{60B8C242-2255-6347-A7EA-721593CD4CE4}"/>
              </a:ext>
            </a:extLst>
          </p:cNvPr>
          <p:cNvSpPr>
            <a:spLocks noChangeArrowheads="1"/>
          </p:cNvSpPr>
          <p:nvPr/>
        </p:nvSpPr>
        <p:spPr bwMode="gray">
          <a:xfrm>
            <a:off x="90726" y="4660261"/>
            <a:ext cx="3355340" cy="578876"/>
          </a:xfrm>
          <a:prstGeom prst="homePlate">
            <a:avLst/>
          </a:prstGeom>
          <a:solidFill>
            <a:srgbClr val="009051"/>
          </a:solidFill>
          <a:ln w="12700">
            <a:solidFill>
              <a:srgbClr val="F8F8F8"/>
            </a:solidFill>
            <a:miter lim="800000"/>
            <a:headEnd/>
            <a:tailEnd/>
          </a:ln>
          <a:effectLst/>
        </p:spPr>
        <p:txBody>
          <a:bodyPr wrap="none" lIns="103357" tIns="51679" rIns="103357" bIns="51679" anchor="ctr"/>
          <a:lstStyle/>
          <a:p>
            <a:pPr algn="ctr">
              <a:defRPr/>
            </a:pPr>
            <a:r>
              <a:rPr lang="en-CA" sz="1600" b="1" noProof="1">
                <a:solidFill>
                  <a:srgbClr val="FFFFFF"/>
                </a:solidFill>
                <a:latin typeface="+mj-lt"/>
                <a:cs typeface="Calibri" panose="020F0502020204030204" pitchFamily="34" charset="0"/>
              </a:rPr>
              <a:t>Landless Labour</a:t>
            </a:r>
            <a:endParaRPr lang="en-CA" sz="1400" b="1" noProof="1">
              <a:solidFill>
                <a:srgbClr val="FFFFFF"/>
              </a:solidFill>
              <a:latin typeface="+mj-lt"/>
              <a:cs typeface="Calibri" panose="020F0502020204030204" pitchFamily="34" charset="0"/>
            </a:endParaRPr>
          </a:p>
        </p:txBody>
      </p:sp>
      <p:sp>
        <p:nvSpPr>
          <p:cNvPr id="14" name="Rectangle 6">
            <a:extLst>
              <a:ext uri="{FF2B5EF4-FFF2-40B4-BE49-F238E27FC236}">
                <a16:creationId xmlns:a16="http://schemas.microsoft.com/office/drawing/2014/main" id="{7234179D-08DC-994E-B63A-D56533909311}"/>
              </a:ext>
            </a:extLst>
          </p:cNvPr>
          <p:cNvSpPr>
            <a:spLocks noChangeArrowheads="1"/>
          </p:cNvSpPr>
          <p:nvPr/>
        </p:nvSpPr>
        <p:spPr bwMode="gray">
          <a:xfrm>
            <a:off x="9454608" y="4664759"/>
            <a:ext cx="3355340" cy="578876"/>
          </a:xfrm>
          <a:prstGeom prst="chevron">
            <a:avLst/>
          </a:prstGeom>
          <a:solidFill>
            <a:srgbClr val="009051"/>
          </a:solidFill>
          <a:ln w="12700">
            <a:solidFill>
              <a:srgbClr val="F8F8F8"/>
            </a:solidFill>
            <a:miter lim="800000"/>
            <a:headEnd/>
            <a:tailEnd/>
          </a:ln>
          <a:effectLst/>
        </p:spPr>
        <p:txBody>
          <a:bodyPr wrap="none" lIns="103357" tIns="51679" rIns="103357" bIns="51679" anchor="ctr"/>
          <a:lstStyle/>
          <a:p>
            <a:pPr algn="ctr">
              <a:defRPr/>
            </a:pPr>
            <a:r>
              <a:rPr lang="en-CA" sz="1600" b="1" noProof="1">
                <a:solidFill>
                  <a:srgbClr val="FFFFFF"/>
                </a:solidFill>
                <a:latin typeface="+mj-lt"/>
                <a:cs typeface="Calibri" panose="020F0502020204030204" pitchFamily="34" charset="0"/>
              </a:rPr>
              <a:t>Ensuring Diversity </a:t>
            </a:r>
            <a:endParaRPr lang="en-CA" sz="1400" b="1" noProof="1">
              <a:solidFill>
                <a:srgbClr val="FFFFFF"/>
              </a:solidFill>
              <a:latin typeface="+mj-lt"/>
              <a:cs typeface="Calibri" panose="020F0502020204030204" pitchFamily="34" charset="0"/>
            </a:endParaRPr>
          </a:p>
        </p:txBody>
      </p:sp>
      <p:sp>
        <p:nvSpPr>
          <p:cNvPr id="15" name="Rectangle 4">
            <a:extLst>
              <a:ext uri="{FF2B5EF4-FFF2-40B4-BE49-F238E27FC236}">
                <a16:creationId xmlns:a16="http://schemas.microsoft.com/office/drawing/2014/main" id="{65CF50BF-32CA-8947-A063-6B19B138A770}"/>
              </a:ext>
            </a:extLst>
          </p:cNvPr>
          <p:cNvSpPr>
            <a:spLocks noChangeArrowheads="1"/>
          </p:cNvSpPr>
          <p:nvPr/>
        </p:nvSpPr>
        <p:spPr bwMode="gray">
          <a:xfrm>
            <a:off x="3211039" y="1646433"/>
            <a:ext cx="3358282" cy="578876"/>
          </a:xfrm>
          <a:prstGeom prst="chevron">
            <a:avLst/>
          </a:prstGeom>
          <a:solidFill>
            <a:srgbClr val="009051"/>
          </a:solidFill>
          <a:ln w="12700">
            <a:solidFill>
              <a:srgbClr val="F8F8F8"/>
            </a:solidFill>
            <a:miter lim="800000"/>
            <a:headEnd/>
            <a:tailEnd/>
          </a:ln>
          <a:effectLst/>
        </p:spPr>
        <p:txBody>
          <a:bodyPr wrap="none" lIns="103357" tIns="51679" rIns="103357" bIns="51679" anchor="ctr"/>
          <a:lstStyle/>
          <a:p>
            <a:pPr algn="ctr">
              <a:defRPr/>
            </a:pPr>
            <a:r>
              <a:rPr lang="en-US" sz="1600" b="1" noProof="1">
                <a:solidFill>
                  <a:srgbClr val="FFFFFF"/>
                </a:solidFill>
                <a:latin typeface="+mj-lt"/>
                <a:cs typeface="Calibri" panose="020F0502020204030204" pitchFamily="34" charset="0"/>
              </a:rPr>
              <a:t>Productivity Analysis</a:t>
            </a:r>
            <a:endParaRPr lang="en-CA" sz="1400" b="1" noProof="1">
              <a:solidFill>
                <a:srgbClr val="FFFFFF"/>
              </a:solidFill>
              <a:latin typeface="+mj-lt"/>
              <a:cs typeface="Calibri" panose="020F0502020204030204" pitchFamily="34" charset="0"/>
            </a:endParaRPr>
          </a:p>
        </p:txBody>
      </p:sp>
      <p:sp>
        <p:nvSpPr>
          <p:cNvPr id="16" name="Rectangle 6">
            <a:extLst>
              <a:ext uri="{FF2B5EF4-FFF2-40B4-BE49-F238E27FC236}">
                <a16:creationId xmlns:a16="http://schemas.microsoft.com/office/drawing/2014/main" id="{C6431B6B-F50F-534F-961A-1C28AE5AD6CB}"/>
              </a:ext>
            </a:extLst>
          </p:cNvPr>
          <p:cNvSpPr>
            <a:spLocks noChangeArrowheads="1"/>
          </p:cNvSpPr>
          <p:nvPr/>
        </p:nvSpPr>
        <p:spPr bwMode="gray">
          <a:xfrm>
            <a:off x="6334294" y="1646433"/>
            <a:ext cx="3355340" cy="578876"/>
          </a:xfrm>
          <a:prstGeom prst="chevron">
            <a:avLst/>
          </a:prstGeom>
          <a:solidFill>
            <a:srgbClr val="009051"/>
          </a:solidFill>
          <a:ln w="12700">
            <a:solidFill>
              <a:srgbClr val="F8F8F8"/>
            </a:solidFill>
            <a:miter lim="800000"/>
            <a:headEnd/>
            <a:tailEnd/>
          </a:ln>
          <a:effectLst/>
        </p:spPr>
        <p:txBody>
          <a:bodyPr wrap="none" lIns="103357" tIns="51679" rIns="103357" bIns="51679" anchor="ctr"/>
          <a:lstStyle/>
          <a:p>
            <a:pPr algn="ctr">
              <a:defRPr/>
            </a:pPr>
            <a:r>
              <a:rPr lang="en-CA" sz="1600" b="1" noProof="1">
                <a:solidFill>
                  <a:srgbClr val="FFFFFF"/>
                </a:solidFill>
                <a:latin typeface="+mj-lt"/>
                <a:cs typeface="Calibri" panose="020F0502020204030204" pitchFamily="34" charset="0"/>
              </a:rPr>
              <a:t>Acquisition Costs</a:t>
            </a:r>
            <a:endParaRPr lang="en-CA" sz="1400" b="1" noProof="1">
              <a:solidFill>
                <a:srgbClr val="FFFFFF"/>
              </a:solidFill>
              <a:latin typeface="+mj-lt"/>
              <a:cs typeface="Calibri" panose="020F0502020204030204" pitchFamily="34" charset="0"/>
            </a:endParaRPr>
          </a:p>
        </p:txBody>
      </p:sp>
      <p:sp>
        <p:nvSpPr>
          <p:cNvPr id="17" name="Rectangle 4">
            <a:extLst>
              <a:ext uri="{FF2B5EF4-FFF2-40B4-BE49-F238E27FC236}">
                <a16:creationId xmlns:a16="http://schemas.microsoft.com/office/drawing/2014/main" id="{4F6AD881-5B6E-F046-8F06-8C6F238DD98F}"/>
              </a:ext>
            </a:extLst>
          </p:cNvPr>
          <p:cNvSpPr>
            <a:spLocks noChangeArrowheads="1"/>
          </p:cNvSpPr>
          <p:nvPr/>
        </p:nvSpPr>
        <p:spPr bwMode="gray">
          <a:xfrm>
            <a:off x="90726" y="1646433"/>
            <a:ext cx="3355340" cy="578876"/>
          </a:xfrm>
          <a:prstGeom prst="homePlate">
            <a:avLst/>
          </a:prstGeom>
          <a:solidFill>
            <a:srgbClr val="009051"/>
          </a:solidFill>
          <a:ln w="12700">
            <a:solidFill>
              <a:srgbClr val="F8F8F8"/>
            </a:solidFill>
            <a:miter lim="800000"/>
            <a:headEnd/>
            <a:tailEnd/>
          </a:ln>
          <a:effectLst/>
        </p:spPr>
        <p:txBody>
          <a:bodyPr wrap="none" lIns="103357" tIns="51679" rIns="103357" bIns="51679" anchor="ctr"/>
          <a:lstStyle/>
          <a:p>
            <a:pPr algn="ctr">
              <a:defRPr/>
            </a:pPr>
            <a:r>
              <a:rPr lang="en-CA" sz="1600" b="1" noProof="1">
                <a:solidFill>
                  <a:srgbClr val="FFFFFF"/>
                </a:solidFill>
                <a:latin typeface="+mj-lt"/>
                <a:cs typeface="Calibri" panose="020F0502020204030204" pitchFamily="34" charset="0"/>
              </a:rPr>
              <a:t>Large Land Owners</a:t>
            </a:r>
            <a:endParaRPr lang="en-CA" sz="1400" b="1" noProof="1">
              <a:solidFill>
                <a:srgbClr val="FFFFFF"/>
              </a:solidFill>
              <a:latin typeface="+mj-lt"/>
              <a:cs typeface="Calibri" panose="020F0502020204030204" pitchFamily="34" charset="0"/>
            </a:endParaRPr>
          </a:p>
        </p:txBody>
      </p:sp>
      <p:sp>
        <p:nvSpPr>
          <p:cNvPr id="18" name="Rectangle 6">
            <a:extLst>
              <a:ext uri="{FF2B5EF4-FFF2-40B4-BE49-F238E27FC236}">
                <a16:creationId xmlns:a16="http://schemas.microsoft.com/office/drawing/2014/main" id="{CBAC5E8E-2D30-BF4C-AACC-8BA44A0B1E69}"/>
              </a:ext>
            </a:extLst>
          </p:cNvPr>
          <p:cNvSpPr>
            <a:spLocks noChangeArrowheads="1"/>
          </p:cNvSpPr>
          <p:nvPr/>
        </p:nvSpPr>
        <p:spPr bwMode="gray">
          <a:xfrm>
            <a:off x="9454608" y="1650931"/>
            <a:ext cx="3355340" cy="578876"/>
          </a:xfrm>
          <a:prstGeom prst="chevron">
            <a:avLst/>
          </a:prstGeom>
          <a:solidFill>
            <a:srgbClr val="009051"/>
          </a:solidFill>
          <a:ln w="12700">
            <a:solidFill>
              <a:srgbClr val="F8F8F8"/>
            </a:solidFill>
            <a:miter lim="800000"/>
            <a:headEnd/>
            <a:tailEnd/>
          </a:ln>
          <a:effectLst/>
        </p:spPr>
        <p:txBody>
          <a:bodyPr wrap="none" lIns="103357" tIns="51679" rIns="103357" bIns="51679" anchor="ctr"/>
          <a:lstStyle/>
          <a:p>
            <a:pPr algn="ctr">
              <a:defRPr/>
            </a:pPr>
            <a:r>
              <a:rPr lang="en-CA" sz="1600" b="1" noProof="1">
                <a:solidFill>
                  <a:srgbClr val="FFFFFF"/>
                </a:solidFill>
                <a:latin typeface="+mj-lt"/>
                <a:cs typeface="Calibri" panose="020F0502020204030204" pitchFamily="34" charset="0"/>
              </a:rPr>
              <a:t>Legal/Operational </a:t>
            </a:r>
            <a:br>
              <a:rPr lang="en-CA" sz="1600" b="1" noProof="1">
                <a:solidFill>
                  <a:srgbClr val="FFFFFF"/>
                </a:solidFill>
                <a:latin typeface="+mj-lt"/>
                <a:cs typeface="Calibri" panose="020F0502020204030204" pitchFamily="34" charset="0"/>
              </a:rPr>
            </a:br>
            <a:r>
              <a:rPr lang="en-CA" sz="1600" b="1" noProof="1">
                <a:solidFill>
                  <a:srgbClr val="FFFFFF"/>
                </a:solidFill>
                <a:latin typeface="+mj-lt"/>
                <a:cs typeface="Calibri" panose="020F0502020204030204" pitchFamily="34" charset="0"/>
              </a:rPr>
              <a:t>Barriers</a:t>
            </a:r>
            <a:endParaRPr lang="en-CA" sz="1400" b="1" noProof="1">
              <a:solidFill>
                <a:srgbClr val="FFFFFF"/>
              </a:solidFill>
              <a:latin typeface="+mj-lt"/>
              <a:cs typeface="Calibri" panose="020F0502020204030204" pitchFamily="34" charset="0"/>
            </a:endParaRPr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81ED0BE0-E9F1-A24E-BFB7-F5A0EF8661F9}"/>
              </a:ext>
            </a:extLst>
          </p:cNvPr>
          <p:cNvSpPr txBox="1"/>
          <p:nvPr/>
        </p:nvSpPr>
        <p:spPr>
          <a:xfrm>
            <a:off x="5340624" y="1067809"/>
            <a:ext cx="1948070" cy="380480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2000" b="1" u="sng" dirty="0">
                <a:solidFill>
                  <a:srgbClr val="009051"/>
                </a:solidFill>
              </a:rPr>
              <a:t>FARM LANDS</a:t>
            </a:r>
          </a:p>
        </p:txBody>
      </p:sp>
      <p:sp>
        <p:nvSpPr>
          <p:cNvPr id="22" name="TextBox 21">
            <a:extLst>
              <a:ext uri="{FF2B5EF4-FFF2-40B4-BE49-F238E27FC236}">
                <a16:creationId xmlns:a16="http://schemas.microsoft.com/office/drawing/2014/main" id="{5A5D6316-B204-BB48-8823-F1CCA6C33032}"/>
              </a:ext>
            </a:extLst>
          </p:cNvPr>
          <p:cNvSpPr txBox="1"/>
          <p:nvPr/>
        </p:nvSpPr>
        <p:spPr>
          <a:xfrm>
            <a:off x="4846666" y="4056453"/>
            <a:ext cx="3008316" cy="380480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algn="ctr"/>
            <a:r>
              <a:rPr lang="en-US" sz="2000" b="1" u="sng" dirty="0">
                <a:solidFill>
                  <a:srgbClr val="009051"/>
                </a:solidFill>
              </a:rPr>
              <a:t>FARMER</a:t>
            </a:r>
          </a:p>
        </p:txBody>
      </p:sp>
      <p:sp>
        <p:nvSpPr>
          <p:cNvPr id="23" name="TextBox 22">
            <a:extLst>
              <a:ext uri="{FF2B5EF4-FFF2-40B4-BE49-F238E27FC236}">
                <a16:creationId xmlns:a16="http://schemas.microsoft.com/office/drawing/2014/main" id="{163C4B71-36D9-7F48-BAFE-4F43373B49FD}"/>
              </a:ext>
            </a:extLst>
          </p:cNvPr>
          <p:cNvSpPr txBox="1"/>
          <p:nvPr/>
        </p:nvSpPr>
        <p:spPr>
          <a:xfrm>
            <a:off x="117230" y="2319899"/>
            <a:ext cx="3120313" cy="1057588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1600" dirty="0"/>
              <a:t>Identification of farmers cluster groups that control land &gt; 10 acres and willing to negotiate/sell the same</a:t>
            </a:r>
          </a:p>
        </p:txBody>
      </p:sp>
      <p:sp>
        <p:nvSpPr>
          <p:cNvPr id="24" name="TextBox 23">
            <a:extLst>
              <a:ext uri="{FF2B5EF4-FFF2-40B4-BE49-F238E27FC236}">
                <a16:creationId xmlns:a16="http://schemas.microsoft.com/office/drawing/2014/main" id="{F417D9B7-00F1-F448-B619-2BC891EB1379}"/>
              </a:ext>
            </a:extLst>
          </p:cNvPr>
          <p:cNvSpPr txBox="1"/>
          <p:nvPr/>
        </p:nvSpPr>
        <p:spPr>
          <a:xfrm>
            <a:off x="3330023" y="2319899"/>
            <a:ext cx="3120313" cy="1057588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1600" dirty="0"/>
              <a:t>Analysis of soil, weather, connectivity, existing crops etc. to identify financially lucrative land for investment</a:t>
            </a:r>
          </a:p>
        </p:txBody>
      </p:sp>
      <p:sp>
        <p:nvSpPr>
          <p:cNvPr id="25" name="TextBox 24">
            <a:extLst>
              <a:ext uri="{FF2B5EF4-FFF2-40B4-BE49-F238E27FC236}">
                <a16:creationId xmlns:a16="http://schemas.microsoft.com/office/drawing/2014/main" id="{B3E43EB9-1299-F84E-AAD8-45D2F673D666}"/>
              </a:ext>
            </a:extLst>
          </p:cNvPr>
          <p:cNvSpPr txBox="1"/>
          <p:nvPr/>
        </p:nvSpPr>
        <p:spPr>
          <a:xfrm>
            <a:off x="6420644" y="2319899"/>
            <a:ext cx="3120313" cy="1303809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1600" dirty="0"/>
              <a:t>Cost Benefit analysis to narrow down on farmland that can be acquired within the limitation of the fund returns</a:t>
            </a:r>
          </a:p>
        </p:txBody>
      </p:sp>
      <p:sp>
        <p:nvSpPr>
          <p:cNvPr id="26" name="TextBox 25">
            <a:extLst>
              <a:ext uri="{FF2B5EF4-FFF2-40B4-BE49-F238E27FC236}">
                <a16:creationId xmlns:a16="http://schemas.microsoft.com/office/drawing/2014/main" id="{1D56B119-6DD8-A943-968D-644A38899537}"/>
              </a:ext>
            </a:extLst>
          </p:cNvPr>
          <p:cNvSpPr txBox="1"/>
          <p:nvPr/>
        </p:nvSpPr>
        <p:spPr>
          <a:xfrm>
            <a:off x="9603745" y="2319899"/>
            <a:ext cx="3120313" cy="1303809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1600" dirty="0"/>
              <a:t>Ensuring the land to be acquired has no legal concerns or operational challenges such as third party occupation </a:t>
            </a:r>
          </a:p>
        </p:txBody>
      </p:sp>
      <p:sp>
        <p:nvSpPr>
          <p:cNvPr id="41" name="TextBox 40">
            <a:extLst>
              <a:ext uri="{FF2B5EF4-FFF2-40B4-BE49-F238E27FC236}">
                <a16:creationId xmlns:a16="http://schemas.microsoft.com/office/drawing/2014/main" id="{E552AA79-4CB5-1A4C-9813-C2DCB6CC98FF}"/>
              </a:ext>
            </a:extLst>
          </p:cNvPr>
          <p:cNvSpPr txBox="1"/>
          <p:nvPr/>
        </p:nvSpPr>
        <p:spPr>
          <a:xfrm>
            <a:off x="90726" y="5390693"/>
            <a:ext cx="3120313" cy="1057588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1600" dirty="0"/>
              <a:t>Identification of landless labors near the area of land acquisition to minimize switching costs, if any.</a:t>
            </a:r>
          </a:p>
        </p:txBody>
      </p:sp>
      <p:sp>
        <p:nvSpPr>
          <p:cNvPr id="42" name="TextBox 41">
            <a:extLst>
              <a:ext uri="{FF2B5EF4-FFF2-40B4-BE49-F238E27FC236}">
                <a16:creationId xmlns:a16="http://schemas.microsoft.com/office/drawing/2014/main" id="{5C602206-2312-B744-A992-1CAFEF17F3FC}"/>
              </a:ext>
            </a:extLst>
          </p:cNvPr>
          <p:cNvSpPr txBox="1"/>
          <p:nvPr/>
        </p:nvSpPr>
        <p:spPr>
          <a:xfrm>
            <a:off x="3303519" y="5390693"/>
            <a:ext cx="3120313" cy="1303809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1600" dirty="0"/>
              <a:t>Selection of labor who have worked on third party farms for at least 5 years to well know the traditional techniques at least </a:t>
            </a:r>
          </a:p>
        </p:txBody>
      </p:sp>
      <p:sp>
        <p:nvSpPr>
          <p:cNvPr id="43" name="TextBox 42">
            <a:extLst>
              <a:ext uri="{FF2B5EF4-FFF2-40B4-BE49-F238E27FC236}">
                <a16:creationId xmlns:a16="http://schemas.microsoft.com/office/drawing/2014/main" id="{4158E43D-9606-C047-93D0-854088395F09}"/>
              </a:ext>
            </a:extLst>
          </p:cNvPr>
          <p:cNvSpPr txBox="1"/>
          <p:nvPr/>
        </p:nvSpPr>
        <p:spPr>
          <a:xfrm>
            <a:off x="6394140" y="5390693"/>
            <a:ext cx="3120313" cy="1550031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1600" dirty="0"/>
              <a:t>One on one selection of farmer to ensure their willingness to learn and start immediately given the level of benefits (monetary or otherwise) to be accrued</a:t>
            </a:r>
          </a:p>
        </p:txBody>
      </p:sp>
      <p:sp>
        <p:nvSpPr>
          <p:cNvPr id="44" name="TextBox 43">
            <a:extLst>
              <a:ext uri="{FF2B5EF4-FFF2-40B4-BE49-F238E27FC236}">
                <a16:creationId xmlns:a16="http://schemas.microsoft.com/office/drawing/2014/main" id="{DD1F5D07-CFDA-744E-A843-E0B29C402B29}"/>
              </a:ext>
            </a:extLst>
          </p:cNvPr>
          <p:cNvSpPr txBox="1"/>
          <p:nvPr/>
        </p:nvSpPr>
        <p:spPr>
          <a:xfrm>
            <a:off x="9577241" y="5390693"/>
            <a:ext cx="3120313" cy="1550031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1600" dirty="0"/>
              <a:t>Ensuring adequate diversity in farmer selection with women forming at least 25% of the total and 50% coming from historically disadvantaged groups </a:t>
            </a:r>
          </a:p>
        </p:txBody>
      </p:sp>
      <p:sp>
        <p:nvSpPr>
          <p:cNvPr id="27" name="Rectangle 26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28" name="Rectangle 27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33352234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Picture 11">
            <a:extLst>
              <a:ext uri="{FF2B5EF4-FFF2-40B4-BE49-F238E27FC236}">
                <a16:creationId xmlns:a16="http://schemas.microsoft.com/office/drawing/2014/main" id="{48F11FDF-432A-4641-B5BA-A25B907FF93A}"/>
              </a:ext>
            </a:extLst>
          </p:cNvPr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19545" y="375762"/>
            <a:ext cx="6905340" cy="3588393"/>
          </a:xfrm>
          <a:prstGeom prst="rect">
            <a:avLst/>
          </a:prstGeom>
        </p:spPr>
      </p:pic>
      <p:pic>
        <p:nvPicPr>
          <p:cNvPr id="15" name="Picture 14">
            <a:extLst>
              <a:ext uri="{FF2B5EF4-FFF2-40B4-BE49-F238E27FC236}">
                <a16:creationId xmlns:a16="http://schemas.microsoft.com/office/drawing/2014/main" id="{CEA4B889-C726-0349-A8DD-C35940E5F109}"/>
              </a:ext>
            </a:extLst>
          </p:cNvPr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595472" y="1449252"/>
            <a:ext cx="5807225" cy="2754625"/>
          </a:xfrm>
          <a:prstGeom prst="rect">
            <a:avLst/>
          </a:prstGeom>
        </p:spPr>
      </p:pic>
      <p:pic>
        <p:nvPicPr>
          <p:cNvPr id="20" name="Picture 19">
            <a:extLst>
              <a:ext uri="{FF2B5EF4-FFF2-40B4-BE49-F238E27FC236}">
                <a16:creationId xmlns:a16="http://schemas.microsoft.com/office/drawing/2014/main" id="{DC822448-5196-C34D-A82E-88314241C4F0}"/>
              </a:ext>
            </a:extLst>
          </p:cNvPr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69213"/>
          <a:stretch/>
        </p:blipFill>
        <p:spPr>
          <a:xfrm>
            <a:off x="7992003" y="3682566"/>
            <a:ext cx="4761562" cy="802568"/>
          </a:xfrm>
          <a:prstGeom prst="rect">
            <a:avLst/>
          </a:prstGeom>
        </p:spPr>
      </p:pic>
      <p:pic>
        <p:nvPicPr>
          <p:cNvPr id="14" name="Picture 13">
            <a:extLst>
              <a:ext uri="{FF2B5EF4-FFF2-40B4-BE49-F238E27FC236}">
                <a16:creationId xmlns:a16="http://schemas.microsoft.com/office/drawing/2014/main" id="{C38E4A1C-B03C-974F-A0E5-36AB01944459}"/>
              </a:ext>
            </a:extLst>
          </p:cNvPr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2816" b="16452"/>
          <a:stretch/>
        </p:blipFill>
        <p:spPr>
          <a:xfrm>
            <a:off x="7930027" y="4442856"/>
            <a:ext cx="4804195" cy="1815586"/>
          </a:xfrm>
          <a:prstGeom prst="rect">
            <a:avLst/>
          </a:prstGeom>
        </p:spPr>
      </p:pic>
      <p:sp>
        <p:nvSpPr>
          <p:cNvPr id="4" name="TextBox 3">
            <a:extLst>
              <a:ext uri="{FF2B5EF4-FFF2-40B4-BE49-F238E27FC236}">
                <a16:creationId xmlns:a16="http://schemas.microsoft.com/office/drawing/2014/main" id="{2D75A516-012A-C84E-9A71-AB4AF29FD3B1}"/>
              </a:ext>
            </a:extLst>
          </p:cNvPr>
          <p:cNvSpPr txBox="1">
            <a:spLocks/>
          </p:cNvSpPr>
          <p:nvPr/>
        </p:nvSpPr>
        <p:spPr>
          <a:xfrm>
            <a:off x="337261" y="520995"/>
            <a:ext cx="1800000" cy="1440000"/>
          </a:xfrm>
          <a:prstGeom prst="rect">
            <a:avLst/>
          </a:prstGeom>
          <a:solidFill>
            <a:srgbClr val="009656"/>
          </a:solidFill>
          <a:ln w="57150">
            <a:solidFill>
              <a:srgbClr val="009656"/>
            </a:solidFill>
          </a:ln>
        </p:spPr>
        <p:txBody>
          <a:bodyPr wrap="square" lIns="36000" tIns="36000" rIns="36000" bIns="36000" rtlCol="0" anchor="ctr">
            <a:spAutoFit/>
          </a:bodyPr>
          <a:lstStyle/>
          <a:p>
            <a:pPr algn="ctr"/>
            <a:r>
              <a:rPr lang="en-CA" sz="2000" b="1" dirty="0">
                <a:solidFill>
                  <a:schemeClr val="bg2"/>
                </a:solidFill>
              </a:rPr>
              <a:t>58%</a:t>
            </a:r>
            <a:br>
              <a:rPr lang="en-CA" sz="2000" b="1" dirty="0">
                <a:solidFill>
                  <a:schemeClr val="bg2"/>
                </a:solidFill>
              </a:rPr>
            </a:br>
            <a:r>
              <a:rPr lang="en-CA" dirty="0">
                <a:solidFill>
                  <a:schemeClr val="bg2"/>
                </a:solidFill>
              </a:rPr>
              <a:t>of </a:t>
            </a:r>
            <a:r>
              <a:rPr lang="en-US" dirty="0">
                <a:solidFill>
                  <a:schemeClr val="bg2"/>
                </a:solidFill>
              </a:rPr>
              <a:t>Indians employed in agriculture</a:t>
            </a:r>
            <a:r>
              <a:rPr lang="en-US" sz="2000" b="1" dirty="0">
                <a:solidFill>
                  <a:schemeClr val="bg2"/>
                </a:solidFill>
              </a:rPr>
              <a:t> </a:t>
            </a:r>
            <a:endParaRPr lang="en-CA" sz="2000" b="1" dirty="0">
              <a:solidFill>
                <a:schemeClr val="bg2"/>
              </a:solidFill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81A3248F-7F79-054F-ABBF-2E552611C38F}"/>
              </a:ext>
            </a:extLst>
          </p:cNvPr>
          <p:cNvSpPr txBox="1">
            <a:spLocks/>
          </p:cNvSpPr>
          <p:nvPr/>
        </p:nvSpPr>
        <p:spPr>
          <a:xfrm>
            <a:off x="337261" y="2143434"/>
            <a:ext cx="1800000" cy="1440000"/>
          </a:xfrm>
          <a:prstGeom prst="rect">
            <a:avLst/>
          </a:prstGeom>
          <a:solidFill>
            <a:srgbClr val="009656"/>
          </a:solidFill>
          <a:ln w="57150">
            <a:solidFill>
              <a:srgbClr val="009656"/>
            </a:solidFill>
          </a:ln>
        </p:spPr>
        <p:txBody>
          <a:bodyPr wrap="square" lIns="36000" tIns="36000" rIns="36000" bIns="36000" rtlCol="0" anchor="ctr">
            <a:spAutoFit/>
          </a:bodyPr>
          <a:lstStyle/>
          <a:p>
            <a:pPr algn="ctr"/>
            <a:r>
              <a:rPr lang="en-CA" sz="2000" b="1" dirty="0">
                <a:solidFill>
                  <a:schemeClr val="bg2"/>
                </a:solidFill>
              </a:rPr>
              <a:t>47%</a:t>
            </a:r>
            <a:br>
              <a:rPr lang="en-CA" sz="2000" b="1" dirty="0">
                <a:solidFill>
                  <a:schemeClr val="bg2"/>
                </a:solidFill>
              </a:rPr>
            </a:br>
            <a:r>
              <a:rPr lang="en-CA" dirty="0">
                <a:solidFill>
                  <a:schemeClr val="bg2"/>
                </a:solidFill>
              </a:rPr>
              <a:t>of </a:t>
            </a:r>
            <a:r>
              <a:rPr lang="en-US" dirty="0">
                <a:solidFill>
                  <a:schemeClr val="bg2"/>
                </a:solidFill>
              </a:rPr>
              <a:t>farmers are landless in India</a:t>
            </a:r>
            <a:endParaRPr lang="en-CA" sz="2000" b="1" dirty="0">
              <a:solidFill>
                <a:schemeClr val="bg2"/>
              </a:solidFill>
            </a:endParaRP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0D0A9C4D-4C5F-3646-981A-B88CC1D626B3}"/>
              </a:ext>
            </a:extLst>
          </p:cNvPr>
          <p:cNvSpPr txBox="1">
            <a:spLocks/>
          </p:cNvSpPr>
          <p:nvPr/>
        </p:nvSpPr>
        <p:spPr>
          <a:xfrm>
            <a:off x="337261" y="3765873"/>
            <a:ext cx="1800000" cy="1440000"/>
          </a:xfrm>
          <a:prstGeom prst="rect">
            <a:avLst/>
          </a:prstGeom>
          <a:solidFill>
            <a:srgbClr val="009656"/>
          </a:solidFill>
          <a:ln w="57150">
            <a:solidFill>
              <a:srgbClr val="009656"/>
            </a:solidFill>
          </a:ln>
        </p:spPr>
        <p:txBody>
          <a:bodyPr wrap="square" lIns="36000" tIns="36000" rIns="36000" bIns="36000" rtlCol="0" anchor="ctr">
            <a:spAutoFit/>
          </a:bodyPr>
          <a:lstStyle/>
          <a:p>
            <a:pPr algn="ctr"/>
            <a:r>
              <a:rPr lang="en-CA" sz="2000" b="1" dirty="0">
                <a:solidFill>
                  <a:schemeClr val="bg2"/>
                </a:solidFill>
              </a:rPr>
              <a:t>50%</a:t>
            </a:r>
            <a:br>
              <a:rPr lang="en-CA" sz="2000" b="1" dirty="0">
                <a:solidFill>
                  <a:schemeClr val="bg2"/>
                </a:solidFill>
              </a:rPr>
            </a:br>
            <a:r>
              <a:rPr lang="en-CA" dirty="0">
                <a:solidFill>
                  <a:schemeClr val="bg2"/>
                </a:solidFill>
              </a:rPr>
              <a:t>of </a:t>
            </a:r>
            <a:r>
              <a:rPr lang="en-US" dirty="0">
                <a:solidFill>
                  <a:schemeClr val="bg2"/>
                </a:solidFill>
              </a:rPr>
              <a:t>farmer households under debt</a:t>
            </a:r>
            <a:endParaRPr lang="en-CA" sz="2000" b="1" dirty="0">
              <a:solidFill>
                <a:schemeClr val="bg2"/>
              </a:solidFill>
            </a:endParaRP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0D0A9C4D-4C5F-3646-981A-B88CC1D626B3}"/>
              </a:ext>
            </a:extLst>
          </p:cNvPr>
          <p:cNvSpPr txBox="1">
            <a:spLocks noChangeAspect="1"/>
          </p:cNvSpPr>
          <p:nvPr/>
        </p:nvSpPr>
        <p:spPr>
          <a:xfrm>
            <a:off x="337261" y="5388311"/>
            <a:ext cx="1800000" cy="1457698"/>
          </a:xfrm>
          <a:prstGeom prst="rect">
            <a:avLst/>
          </a:prstGeom>
          <a:solidFill>
            <a:srgbClr val="009656"/>
          </a:solidFill>
          <a:ln w="57150">
            <a:solidFill>
              <a:srgbClr val="009656"/>
            </a:solidFill>
          </a:ln>
        </p:spPr>
        <p:txBody>
          <a:bodyPr wrap="square" lIns="36000" tIns="36000" rIns="36000" bIns="36000" rtlCol="0" anchor="ctr">
            <a:spAutoFit/>
          </a:bodyPr>
          <a:lstStyle/>
          <a:p>
            <a:pPr algn="ctr"/>
            <a:r>
              <a:rPr lang="en-CA" b="1" dirty="0">
                <a:solidFill>
                  <a:schemeClr val="bg2"/>
                </a:solidFill>
              </a:rPr>
              <a:t>65%</a:t>
            </a:r>
            <a:br>
              <a:rPr lang="en-CA" dirty="0">
                <a:solidFill>
                  <a:schemeClr val="bg2"/>
                </a:solidFill>
              </a:rPr>
            </a:br>
            <a:r>
              <a:rPr lang="en-CA" dirty="0">
                <a:solidFill>
                  <a:schemeClr val="bg2"/>
                </a:solidFill>
              </a:rPr>
              <a:t>deficit in rice </a:t>
            </a:r>
            <a:r>
              <a:rPr lang="en-US" dirty="0">
                <a:solidFill>
                  <a:schemeClr val="bg2"/>
                </a:solidFill>
              </a:rPr>
              <a:t>yield compared to America</a:t>
            </a:r>
            <a:endParaRPr lang="en-CA" b="1" dirty="0">
              <a:solidFill>
                <a:schemeClr val="bg2"/>
              </a:solidFill>
            </a:endParaRP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CBAC09EB-CDF0-CC47-B1A3-44EEB9CAA9AE}"/>
              </a:ext>
            </a:extLst>
          </p:cNvPr>
          <p:cNvPicPr>
            <a:picLocks noChangeAspect="1"/>
          </p:cNvPicPr>
          <p:nvPr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1814" b="69811"/>
          <a:stretch/>
        </p:blipFill>
        <p:spPr>
          <a:xfrm>
            <a:off x="2595471" y="4171407"/>
            <a:ext cx="4890855" cy="1017395"/>
          </a:xfrm>
          <a:prstGeom prst="rect">
            <a:avLst/>
          </a:prstGeom>
        </p:spPr>
      </p:pic>
      <p:pic>
        <p:nvPicPr>
          <p:cNvPr id="17" name="Picture 16">
            <a:extLst>
              <a:ext uri="{FF2B5EF4-FFF2-40B4-BE49-F238E27FC236}">
                <a16:creationId xmlns:a16="http://schemas.microsoft.com/office/drawing/2014/main" id="{EFD0D9F2-75A1-124D-98AE-D6B48BFC2B38}"/>
              </a:ext>
            </a:extLst>
          </p:cNvPr>
          <p:cNvPicPr>
            <a:picLocks noChangeAspect="1"/>
          </p:cNvPicPr>
          <p:nvPr/>
        </p:nvPicPr>
        <p:blipFill rotWithShape="1">
          <a:blip r:embed="rId7"/>
          <a:srcRect t="2741" r="25295" b="45939"/>
          <a:stretch/>
        </p:blipFill>
        <p:spPr>
          <a:xfrm>
            <a:off x="8145329" y="1553472"/>
            <a:ext cx="4317088" cy="2012163"/>
          </a:xfrm>
          <a:prstGeom prst="rect">
            <a:avLst/>
          </a:prstGeom>
        </p:spPr>
      </p:pic>
      <p:pic>
        <p:nvPicPr>
          <p:cNvPr id="19" name="Picture 18">
            <a:extLst>
              <a:ext uri="{FF2B5EF4-FFF2-40B4-BE49-F238E27FC236}">
                <a16:creationId xmlns:a16="http://schemas.microsoft.com/office/drawing/2014/main" id="{8B7DB894-226D-ED44-B521-5DB768AF4CCA}"/>
              </a:ext>
            </a:extLst>
          </p:cNvPr>
          <p:cNvPicPr>
            <a:picLocks noChangeAspect="1"/>
          </p:cNvPicPr>
          <p:nvPr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" r="25610" b="87947"/>
          <a:stretch/>
        </p:blipFill>
        <p:spPr>
          <a:xfrm>
            <a:off x="6268560" y="6375372"/>
            <a:ext cx="6411853" cy="510170"/>
          </a:xfrm>
          <a:prstGeom prst="rect">
            <a:avLst/>
          </a:prstGeom>
        </p:spPr>
      </p:pic>
      <p:pic>
        <p:nvPicPr>
          <p:cNvPr id="21" name="Picture 20">
            <a:extLst>
              <a:ext uri="{FF2B5EF4-FFF2-40B4-BE49-F238E27FC236}">
                <a16:creationId xmlns:a16="http://schemas.microsoft.com/office/drawing/2014/main" id="{7B13D12B-4A1D-3B4B-9F98-18203058BAB2}"/>
              </a:ext>
            </a:extLst>
          </p:cNvPr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697777" y="330019"/>
            <a:ext cx="4044358" cy="1009814"/>
          </a:xfrm>
          <a:prstGeom prst="rect">
            <a:avLst/>
          </a:prstGeom>
        </p:spPr>
      </p:pic>
      <p:pic>
        <p:nvPicPr>
          <p:cNvPr id="22" name="Picture 21">
            <a:extLst>
              <a:ext uri="{FF2B5EF4-FFF2-40B4-BE49-F238E27FC236}">
                <a16:creationId xmlns:a16="http://schemas.microsoft.com/office/drawing/2014/main" id="{D43AC98D-A8A6-0043-A6F9-59E90E2AADAC}"/>
              </a:ext>
            </a:extLst>
          </p:cNvPr>
          <p:cNvPicPr>
            <a:picLocks noChangeAspect="1"/>
          </p:cNvPicPr>
          <p:nvPr/>
        </p:nvPicPr>
        <p:blipFill>
          <a:blip r:embed="rId10"/>
          <a:stretch>
            <a:fillRect/>
          </a:stretch>
        </p:blipFill>
        <p:spPr>
          <a:xfrm>
            <a:off x="2574680" y="4846549"/>
            <a:ext cx="3570464" cy="1999460"/>
          </a:xfrm>
          <a:prstGeom prst="rect">
            <a:avLst/>
          </a:prstGeom>
        </p:spPr>
      </p:pic>
      <p:pic>
        <p:nvPicPr>
          <p:cNvPr id="23" name="Picture 22">
            <a:extLst>
              <a:ext uri="{FF2B5EF4-FFF2-40B4-BE49-F238E27FC236}">
                <a16:creationId xmlns:a16="http://schemas.microsoft.com/office/drawing/2014/main" id="{E0E23113-14B6-A64A-B438-11999E166B69}"/>
              </a:ext>
            </a:extLst>
          </p:cNvPr>
          <p:cNvPicPr>
            <a:picLocks noChangeAspect="1"/>
          </p:cNvPicPr>
          <p:nvPr/>
        </p:nvPicPr>
        <p:blipFill rotWithShape="1">
          <a:blip r:embed="rId11"/>
          <a:srcRect l="29505"/>
          <a:stretch/>
        </p:blipFill>
        <p:spPr>
          <a:xfrm>
            <a:off x="6140306" y="4846549"/>
            <a:ext cx="1851697" cy="150207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01664774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" grpId="0" animBg="1"/>
      <p:bldP spid="8" grpId="0" animBg="1"/>
      <p:bldP spid="10" grpId="0" animBg="1"/>
      <p:bldP spid="11" grpId="0" animBg="1"/>
    </p:bld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20D6AEB-EBDF-0A4C-B71D-CB6FF3600A9A}"/>
              </a:ext>
            </a:extLst>
          </p:cNvPr>
          <p:cNvSpPr txBox="1">
            <a:spLocks/>
          </p:cNvSpPr>
          <p:nvPr/>
        </p:nvSpPr>
        <p:spPr bwMode="gray">
          <a:xfrm>
            <a:off x="236498" y="178479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Target Investors</a:t>
            </a:r>
            <a:endParaRPr lang="en-US" sz="2400" b="1" dirty="0">
              <a:solidFill>
                <a:srgbClr val="009051"/>
              </a:solidFill>
            </a:endParaRPr>
          </a:p>
        </p:txBody>
      </p:sp>
      <p:cxnSp>
        <p:nvCxnSpPr>
          <p:cNvPr id="7" name="Straight Connector 6">
            <a:extLst>
              <a:ext uri="{FF2B5EF4-FFF2-40B4-BE49-F238E27FC236}">
                <a16:creationId xmlns:a16="http://schemas.microsoft.com/office/drawing/2014/main" id="{FCCFE5DD-705E-DD4D-8B10-306D5493CD97}"/>
              </a:ext>
            </a:extLst>
          </p:cNvPr>
          <p:cNvCxnSpPr/>
          <p:nvPr/>
        </p:nvCxnSpPr>
        <p:spPr>
          <a:xfrm>
            <a:off x="462508" y="2702759"/>
            <a:ext cx="12168000" cy="0"/>
          </a:xfrm>
          <a:prstGeom prst="line">
            <a:avLst/>
          </a:prstGeom>
          <a:ln w="19050">
            <a:solidFill>
              <a:srgbClr val="009051"/>
            </a:solidFill>
            <a:prstDash val="lg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54" name="Group 53">
            <a:extLst>
              <a:ext uri="{FF2B5EF4-FFF2-40B4-BE49-F238E27FC236}">
                <a16:creationId xmlns:a16="http://schemas.microsoft.com/office/drawing/2014/main" id="{B600A577-1608-3244-968F-D23B242EC8F3}"/>
              </a:ext>
            </a:extLst>
          </p:cNvPr>
          <p:cNvGrpSpPr/>
          <p:nvPr/>
        </p:nvGrpSpPr>
        <p:grpSpPr>
          <a:xfrm>
            <a:off x="663169" y="1502828"/>
            <a:ext cx="12125245" cy="1057588"/>
            <a:chOff x="663169" y="1211281"/>
            <a:chExt cx="12151682" cy="1057588"/>
          </a:xfrm>
        </p:grpSpPr>
        <p:grpSp>
          <p:nvGrpSpPr>
            <p:cNvPr id="10" name="Group 9">
              <a:extLst>
                <a:ext uri="{FF2B5EF4-FFF2-40B4-BE49-F238E27FC236}">
                  <a16:creationId xmlns:a16="http://schemas.microsoft.com/office/drawing/2014/main" id="{6BD07B1B-52F6-BA40-B9AA-A9B79004CA51}"/>
                </a:ext>
              </a:extLst>
            </p:cNvPr>
            <p:cNvGrpSpPr>
              <a:grpSpLocks/>
            </p:cNvGrpSpPr>
            <p:nvPr>
              <p:custDataLst>
                <p:tags r:id="rId7"/>
              </p:custDataLst>
            </p:nvPr>
          </p:nvGrpSpPr>
          <p:grpSpPr>
            <a:xfrm>
              <a:off x="663169" y="1222980"/>
              <a:ext cx="1072866" cy="992881"/>
              <a:chOff x="398969" y="2059422"/>
              <a:chExt cx="1378857" cy="1378857"/>
            </a:xfrm>
            <a:solidFill>
              <a:srgbClr val="009051"/>
            </a:solidFill>
          </p:grpSpPr>
          <p:sp>
            <p:nvSpPr>
              <p:cNvPr id="11" name="Oval 10">
                <a:extLst>
                  <a:ext uri="{FF2B5EF4-FFF2-40B4-BE49-F238E27FC236}">
                    <a16:creationId xmlns:a16="http://schemas.microsoft.com/office/drawing/2014/main" id="{BA05D295-E879-3149-AEEE-C9176A967CD3}"/>
                  </a:ext>
                </a:extLst>
              </p:cNvPr>
              <p:cNvSpPr/>
              <p:nvPr/>
            </p:nvSpPr>
            <p:spPr>
              <a:xfrm>
                <a:off x="398969" y="2059422"/>
                <a:ext cx="1378857" cy="1378857"/>
              </a:xfrm>
              <a:prstGeom prst="ellipse">
                <a:avLst/>
              </a:prstGeom>
              <a:grpFill/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45719" tIns="45719" rIns="45719" bIns="45719" rtlCol="0" anchor="ctr"/>
              <a:lstStyle/>
              <a:p>
                <a:pPr algn="ctr"/>
                <a:endParaRPr lang="en-US" sz="2000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12" name="Freeform 11">
                <a:extLst>
                  <a:ext uri="{FF2B5EF4-FFF2-40B4-BE49-F238E27FC236}">
                    <a16:creationId xmlns:a16="http://schemas.microsoft.com/office/drawing/2014/main" id="{3132B98E-5E55-3541-805F-FD22EF88C264}"/>
                  </a:ext>
                </a:extLst>
              </p:cNvPr>
              <p:cNvSpPr/>
              <p:nvPr/>
            </p:nvSpPr>
            <p:spPr>
              <a:xfrm>
                <a:off x="582901" y="2243353"/>
                <a:ext cx="1010993" cy="1010993"/>
              </a:xfrm>
              <a:custGeom>
                <a:avLst/>
                <a:gdLst>
                  <a:gd name="connsiteX0" fmla="*/ 328118 w 714552"/>
                  <a:gd name="connsiteY0" fmla="*/ 655919 h 714551"/>
                  <a:gd name="connsiteX1" fmla="*/ 259850 w 714552"/>
                  <a:gd name="connsiteY1" fmla="*/ 673497 h 714551"/>
                  <a:gd name="connsiteX2" fmla="*/ 310612 w 714552"/>
                  <a:gd name="connsiteY2" fmla="*/ 685762 h 714551"/>
                  <a:gd name="connsiteX3" fmla="*/ 437172 w 714552"/>
                  <a:gd name="connsiteY3" fmla="*/ 679297 h 714551"/>
                  <a:gd name="connsiteX4" fmla="*/ 446149 w 714552"/>
                  <a:gd name="connsiteY4" fmla="*/ 676129 h 714551"/>
                  <a:gd name="connsiteX5" fmla="*/ 377337 w 714552"/>
                  <a:gd name="connsiteY5" fmla="*/ 671533 h 714551"/>
                  <a:gd name="connsiteX6" fmla="*/ 220072 w 714552"/>
                  <a:gd name="connsiteY6" fmla="*/ 602681 h 714551"/>
                  <a:gd name="connsiteX7" fmla="*/ 171570 w 714552"/>
                  <a:gd name="connsiteY7" fmla="*/ 630428 h 714551"/>
                  <a:gd name="connsiteX8" fmla="*/ 189111 w 714552"/>
                  <a:gd name="connsiteY8" fmla="*/ 643321 h 714551"/>
                  <a:gd name="connsiteX9" fmla="*/ 229960 w 714552"/>
                  <a:gd name="connsiteY9" fmla="*/ 662222 h 714551"/>
                  <a:gd name="connsiteX10" fmla="*/ 295577 w 714552"/>
                  <a:gd name="connsiteY10" fmla="*/ 645328 h 714551"/>
                  <a:gd name="connsiteX11" fmla="*/ 224981 w 714552"/>
                  <a:gd name="connsiteY11" fmla="*/ 606740 h 714551"/>
                  <a:gd name="connsiteX12" fmla="*/ 457428 w 714552"/>
                  <a:gd name="connsiteY12" fmla="*/ 594412 h 714551"/>
                  <a:gd name="connsiteX13" fmla="*/ 439487 w 714552"/>
                  <a:gd name="connsiteY13" fmla="*/ 606671 h 714551"/>
                  <a:gd name="connsiteX14" fmla="*/ 438432 w 714552"/>
                  <a:gd name="connsiteY14" fmla="*/ 611871 h 714551"/>
                  <a:gd name="connsiteX15" fmla="*/ 376114 w 714552"/>
                  <a:gd name="connsiteY15" fmla="*/ 652989 h 714551"/>
                  <a:gd name="connsiteX16" fmla="*/ 354792 w 714552"/>
                  <a:gd name="connsiteY16" fmla="*/ 648704 h 714551"/>
                  <a:gd name="connsiteX17" fmla="*/ 353229 w 714552"/>
                  <a:gd name="connsiteY17" fmla="*/ 649454 h 714551"/>
                  <a:gd name="connsiteX18" fmla="*/ 350275 w 714552"/>
                  <a:gd name="connsiteY18" fmla="*/ 650213 h 714551"/>
                  <a:gd name="connsiteX19" fmla="*/ 374823 w 714552"/>
                  <a:gd name="connsiteY19" fmla="*/ 658184 h 714551"/>
                  <a:gd name="connsiteX20" fmla="*/ 456843 w 714552"/>
                  <a:gd name="connsiteY20" fmla="*/ 667043 h 714551"/>
                  <a:gd name="connsiteX21" fmla="*/ 477710 w 714552"/>
                  <a:gd name="connsiteY21" fmla="*/ 664995 h 714551"/>
                  <a:gd name="connsiteX22" fmla="*/ 497638 w 714552"/>
                  <a:gd name="connsiteY22" fmla="*/ 657965 h 714551"/>
                  <a:gd name="connsiteX23" fmla="*/ 553716 w 714552"/>
                  <a:gd name="connsiteY23" fmla="*/ 624695 h 714551"/>
                  <a:gd name="connsiteX24" fmla="*/ 577663 w 714552"/>
                  <a:gd name="connsiteY24" fmla="*/ 603006 h 714551"/>
                  <a:gd name="connsiteX25" fmla="*/ 520293 w 714552"/>
                  <a:gd name="connsiteY25" fmla="*/ 603697 h 714551"/>
                  <a:gd name="connsiteX26" fmla="*/ 316201 w 714552"/>
                  <a:gd name="connsiteY26" fmla="*/ 538143 h 714551"/>
                  <a:gd name="connsiteX27" fmla="*/ 275347 w 714552"/>
                  <a:gd name="connsiteY27" fmla="*/ 571060 h 714551"/>
                  <a:gd name="connsiteX28" fmla="*/ 231948 w 714552"/>
                  <a:gd name="connsiteY28" fmla="*/ 595887 h 714551"/>
                  <a:gd name="connsiteX29" fmla="*/ 296358 w 714552"/>
                  <a:gd name="connsiteY29" fmla="*/ 632709 h 714551"/>
                  <a:gd name="connsiteX30" fmla="*/ 317690 w 714552"/>
                  <a:gd name="connsiteY30" fmla="*/ 639634 h 714551"/>
                  <a:gd name="connsiteX31" fmla="*/ 332204 w 714552"/>
                  <a:gd name="connsiteY31" fmla="*/ 635897 h 714551"/>
                  <a:gd name="connsiteX32" fmla="*/ 328290 w 714552"/>
                  <a:gd name="connsiteY32" fmla="*/ 633270 h 714551"/>
                  <a:gd name="connsiteX33" fmla="*/ 308481 w 714552"/>
                  <a:gd name="connsiteY33" fmla="*/ 585666 h 714551"/>
                  <a:gd name="connsiteX34" fmla="*/ 313796 w 714552"/>
                  <a:gd name="connsiteY34" fmla="*/ 559461 h 714551"/>
                  <a:gd name="connsiteX35" fmla="*/ 324802 w 714552"/>
                  <a:gd name="connsiteY35" fmla="*/ 543212 h 714551"/>
                  <a:gd name="connsiteX36" fmla="*/ 319552 w 714552"/>
                  <a:gd name="connsiteY36" fmla="*/ 540630 h 714551"/>
                  <a:gd name="connsiteX37" fmla="*/ 538682 w 714552"/>
                  <a:gd name="connsiteY37" fmla="*/ 526760 h 714551"/>
                  <a:gd name="connsiteX38" fmla="*/ 502253 w 714552"/>
                  <a:gd name="connsiteY38" fmla="*/ 563783 h 714551"/>
                  <a:gd name="connsiteX39" fmla="*/ 479974 w 714552"/>
                  <a:gd name="connsiteY39" fmla="*/ 579006 h 714551"/>
                  <a:gd name="connsiteX40" fmla="*/ 555317 w 714552"/>
                  <a:gd name="connsiteY40" fmla="*/ 582502 h 714551"/>
                  <a:gd name="connsiteX41" fmla="*/ 573402 w 714552"/>
                  <a:gd name="connsiteY41" fmla="*/ 580085 h 714551"/>
                  <a:gd name="connsiteX42" fmla="*/ 130738 w 714552"/>
                  <a:gd name="connsiteY42" fmla="*/ 516300 h 714551"/>
                  <a:gd name="connsiteX43" fmla="*/ 107672 w 714552"/>
                  <a:gd name="connsiteY43" fmla="*/ 573385 h 714551"/>
                  <a:gd name="connsiteX44" fmla="*/ 134967 w 714552"/>
                  <a:gd name="connsiteY44" fmla="*/ 603521 h 714551"/>
                  <a:gd name="connsiteX45" fmla="*/ 155115 w 714552"/>
                  <a:gd name="connsiteY45" fmla="*/ 618332 h 714551"/>
                  <a:gd name="connsiteX46" fmla="*/ 156019 w 714552"/>
                  <a:gd name="connsiteY46" fmla="*/ 617950 h 714551"/>
                  <a:gd name="connsiteX47" fmla="*/ 204793 w 714552"/>
                  <a:gd name="connsiteY47" fmla="*/ 590049 h 714551"/>
                  <a:gd name="connsiteX48" fmla="*/ 163347 w 714552"/>
                  <a:gd name="connsiteY48" fmla="*/ 555778 h 714551"/>
                  <a:gd name="connsiteX49" fmla="*/ 615643 w 714552"/>
                  <a:gd name="connsiteY49" fmla="*/ 493637 h 714551"/>
                  <a:gd name="connsiteX50" fmla="*/ 612283 w 714552"/>
                  <a:gd name="connsiteY50" fmla="*/ 495891 h 714551"/>
                  <a:gd name="connsiteX51" fmla="*/ 585957 w 714552"/>
                  <a:gd name="connsiteY51" fmla="*/ 501182 h 714551"/>
                  <a:gd name="connsiteX52" fmla="*/ 567500 w 714552"/>
                  <a:gd name="connsiteY52" fmla="*/ 497473 h 714551"/>
                  <a:gd name="connsiteX53" fmla="*/ 543971 w 714552"/>
                  <a:gd name="connsiteY53" fmla="*/ 521386 h 714551"/>
                  <a:gd name="connsiteX54" fmla="*/ 582269 w 714552"/>
                  <a:gd name="connsiteY54" fmla="*/ 578902 h 714551"/>
                  <a:gd name="connsiteX55" fmla="*/ 606394 w 714552"/>
                  <a:gd name="connsiteY55" fmla="*/ 575678 h 714551"/>
                  <a:gd name="connsiteX56" fmla="*/ 625800 w 714552"/>
                  <a:gd name="connsiteY56" fmla="*/ 549279 h 714551"/>
                  <a:gd name="connsiteX57" fmla="*/ 620151 w 714552"/>
                  <a:gd name="connsiteY57" fmla="*/ 508473 h 714551"/>
                  <a:gd name="connsiteX58" fmla="*/ 201629 w 714552"/>
                  <a:gd name="connsiteY58" fmla="*/ 438704 h 714551"/>
                  <a:gd name="connsiteX59" fmla="*/ 192533 w 714552"/>
                  <a:gd name="connsiteY59" fmla="*/ 452135 h 714551"/>
                  <a:gd name="connsiteX60" fmla="*/ 157185 w 714552"/>
                  <a:gd name="connsiteY60" fmla="*/ 466709 h 714551"/>
                  <a:gd name="connsiteX61" fmla="*/ 154581 w 714552"/>
                  <a:gd name="connsiteY61" fmla="*/ 466186 h 714551"/>
                  <a:gd name="connsiteX62" fmla="*/ 141593 w 714552"/>
                  <a:gd name="connsiteY62" fmla="*/ 489433 h 714551"/>
                  <a:gd name="connsiteX63" fmla="*/ 136775 w 714552"/>
                  <a:gd name="connsiteY63" fmla="*/ 501359 h 714551"/>
                  <a:gd name="connsiteX64" fmla="*/ 167148 w 714552"/>
                  <a:gd name="connsiteY64" fmla="*/ 540728 h 714551"/>
                  <a:gd name="connsiteX65" fmla="*/ 216087 w 714552"/>
                  <a:gd name="connsiteY65" fmla="*/ 583587 h 714551"/>
                  <a:gd name="connsiteX66" fmla="*/ 268827 w 714552"/>
                  <a:gd name="connsiteY66" fmla="*/ 553416 h 714551"/>
                  <a:gd name="connsiteX67" fmla="*/ 301409 w 714552"/>
                  <a:gd name="connsiteY67" fmla="*/ 527166 h 714551"/>
                  <a:gd name="connsiteX68" fmla="*/ 239295 w 714552"/>
                  <a:gd name="connsiteY68" fmla="*/ 481073 h 714551"/>
                  <a:gd name="connsiteX69" fmla="*/ 75148 w 714552"/>
                  <a:gd name="connsiteY69" fmla="*/ 424623 h 714551"/>
                  <a:gd name="connsiteX70" fmla="*/ 68128 w 714552"/>
                  <a:gd name="connsiteY70" fmla="*/ 517092 h 714551"/>
                  <a:gd name="connsiteX71" fmla="*/ 89856 w 714552"/>
                  <a:gd name="connsiteY71" fmla="*/ 553715 h 714551"/>
                  <a:gd name="connsiteX72" fmla="*/ 93201 w 714552"/>
                  <a:gd name="connsiteY72" fmla="*/ 557408 h 714551"/>
                  <a:gd name="connsiteX73" fmla="*/ 100678 w 714552"/>
                  <a:gd name="connsiteY73" fmla="*/ 537022 h 714551"/>
                  <a:gd name="connsiteX74" fmla="*/ 117560 w 714552"/>
                  <a:gd name="connsiteY74" fmla="*/ 500348 h 714551"/>
                  <a:gd name="connsiteX75" fmla="*/ 113149 w 714552"/>
                  <a:gd name="connsiteY75" fmla="*/ 495007 h 714551"/>
                  <a:gd name="connsiteX76" fmla="*/ 75692 w 714552"/>
                  <a:gd name="connsiteY76" fmla="*/ 426356 h 714551"/>
                  <a:gd name="connsiteX77" fmla="*/ 453263 w 714552"/>
                  <a:gd name="connsiteY77" fmla="*/ 411388 h 714551"/>
                  <a:gd name="connsiteX78" fmla="*/ 389873 w 714552"/>
                  <a:gd name="connsiteY78" fmla="*/ 478786 h 714551"/>
                  <a:gd name="connsiteX79" fmla="*/ 328297 w 714552"/>
                  <a:gd name="connsiteY79" fmla="*/ 528399 h 714551"/>
                  <a:gd name="connsiteX80" fmla="*/ 331685 w 714552"/>
                  <a:gd name="connsiteY80" fmla="*/ 530813 h 714551"/>
                  <a:gd name="connsiteX81" fmla="*/ 336204 w 714552"/>
                  <a:gd name="connsiteY81" fmla="*/ 532751 h 714551"/>
                  <a:gd name="connsiteX82" fmla="*/ 349788 w 714552"/>
                  <a:gd name="connsiteY82" fmla="*/ 523634 h 714551"/>
                  <a:gd name="connsiteX83" fmla="*/ 376114 w 714552"/>
                  <a:gd name="connsiteY83" fmla="*/ 518343 h 714551"/>
                  <a:gd name="connsiteX84" fmla="*/ 438432 w 714552"/>
                  <a:gd name="connsiteY84" fmla="*/ 559461 h 714551"/>
                  <a:gd name="connsiteX85" fmla="*/ 440604 w 714552"/>
                  <a:gd name="connsiteY85" fmla="*/ 570167 h 714551"/>
                  <a:gd name="connsiteX86" fmla="*/ 454963 w 714552"/>
                  <a:gd name="connsiteY86" fmla="*/ 573453 h 714551"/>
                  <a:gd name="connsiteX87" fmla="*/ 488068 w 714552"/>
                  <a:gd name="connsiteY87" fmla="*/ 550832 h 714551"/>
                  <a:gd name="connsiteX88" fmla="*/ 527959 w 714552"/>
                  <a:gd name="connsiteY88" fmla="*/ 510293 h 714551"/>
                  <a:gd name="connsiteX89" fmla="*/ 504045 w 714552"/>
                  <a:gd name="connsiteY89" fmla="*/ 473567 h 714551"/>
                  <a:gd name="connsiteX90" fmla="*/ 651346 w 714552"/>
                  <a:gd name="connsiteY90" fmla="*/ 349532 h 714551"/>
                  <a:gd name="connsiteX91" fmla="*/ 643454 w 714552"/>
                  <a:gd name="connsiteY91" fmla="*/ 380614 h 714551"/>
                  <a:gd name="connsiteX92" fmla="*/ 637207 w 714552"/>
                  <a:gd name="connsiteY92" fmla="*/ 391313 h 714551"/>
                  <a:gd name="connsiteX93" fmla="*/ 648275 w 714552"/>
                  <a:gd name="connsiteY93" fmla="*/ 407654 h 714551"/>
                  <a:gd name="connsiteX94" fmla="*/ 653590 w 714552"/>
                  <a:gd name="connsiteY94" fmla="*/ 433859 h 714551"/>
                  <a:gd name="connsiteX95" fmla="*/ 633781 w 714552"/>
                  <a:gd name="connsiteY95" fmla="*/ 481464 h 714551"/>
                  <a:gd name="connsiteX96" fmla="*/ 624550 w 714552"/>
                  <a:gd name="connsiteY96" fmla="*/ 487659 h 714551"/>
                  <a:gd name="connsiteX97" fmla="*/ 638611 w 714552"/>
                  <a:gd name="connsiteY97" fmla="*/ 531850 h 714551"/>
                  <a:gd name="connsiteX98" fmla="*/ 643322 w 714552"/>
                  <a:gd name="connsiteY98" fmla="*/ 525441 h 714551"/>
                  <a:gd name="connsiteX99" fmla="*/ 659115 w 714552"/>
                  <a:gd name="connsiteY99" fmla="*/ 491310 h 714551"/>
                  <a:gd name="connsiteX100" fmla="*/ 663936 w 714552"/>
                  <a:gd name="connsiteY100" fmla="*/ 445312 h 714551"/>
                  <a:gd name="connsiteX101" fmla="*/ 653947 w 714552"/>
                  <a:gd name="connsiteY101" fmla="*/ 356979 h 714551"/>
                  <a:gd name="connsiteX102" fmla="*/ 524331 w 714552"/>
                  <a:gd name="connsiteY102" fmla="*/ 319279 h 714551"/>
                  <a:gd name="connsiteX103" fmla="*/ 471043 w 714552"/>
                  <a:gd name="connsiteY103" fmla="*/ 392481 h 714551"/>
                  <a:gd name="connsiteX104" fmla="*/ 458035 w 714552"/>
                  <a:gd name="connsiteY104" fmla="*/ 406314 h 714551"/>
                  <a:gd name="connsiteX105" fmla="*/ 506980 w 714552"/>
                  <a:gd name="connsiteY105" fmla="*/ 465833 h 714551"/>
                  <a:gd name="connsiteX106" fmla="*/ 533103 w 714552"/>
                  <a:gd name="connsiteY106" fmla="*/ 505065 h 714551"/>
                  <a:gd name="connsiteX107" fmla="*/ 549090 w 714552"/>
                  <a:gd name="connsiteY107" fmla="*/ 488817 h 714551"/>
                  <a:gd name="connsiteX108" fmla="*/ 538133 w 714552"/>
                  <a:gd name="connsiteY108" fmla="*/ 481464 h 714551"/>
                  <a:gd name="connsiteX109" fmla="*/ 518324 w 714552"/>
                  <a:gd name="connsiteY109" fmla="*/ 433859 h 714551"/>
                  <a:gd name="connsiteX110" fmla="*/ 559631 w 714552"/>
                  <a:gd name="connsiteY110" fmla="*/ 371827 h 714551"/>
                  <a:gd name="connsiteX111" fmla="*/ 567027 w 714552"/>
                  <a:gd name="connsiteY111" fmla="*/ 370340 h 714551"/>
                  <a:gd name="connsiteX112" fmla="*/ 561361 w 714552"/>
                  <a:gd name="connsiteY112" fmla="*/ 358622 h 714551"/>
                  <a:gd name="connsiteX113" fmla="*/ 534247 w 714552"/>
                  <a:gd name="connsiteY113" fmla="*/ 319439 h 714551"/>
                  <a:gd name="connsiteX114" fmla="*/ 529686 w 714552"/>
                  <a:gd name="connsiteY114" fmla="*/ 320355 h 714551"/>
                  <a:gd name="connsiteX115" fmla="*/ 114964 w 714552"/>
                  <a:gd name="connsiteY115" fmla="*/ 291459 h 714551"/>
                  <a:gd name="connsiteX116" fmla="*/ 100667 w 714552"/>
                  <a:gd name="connsiteY116" fmla="*/ 319901 h 714551"/>
                  <a:gd name="connsiteX117" fmla="*/ 78819 w 714552"/>
                  <a:gd name="connsiteY117" fmla="*/ 391679 h 714551"/>
                  <a:gd name="connsiteX118" fmla="*/ 83230 w 714552"/>
                  <a:gd name="connsiteY118" fmla="*/ 407279 h 714551"/>
                  <a:gd name="connsiteX119" fmla="*/ 118903 w 714552"/>
                  <a:gd name="connsiteY119" fmla="*/ 478193 h 714551"/>
                  <a:gd name="connsiteX120" fmla="*/ 124449 w 714552"/>
                  <a:gd name="connsiteY120" fmla="*/ 485383 h 714551"/>
                  <a:gd name="connsiteX121" fmla="*/ 135525 w 714552"/>
                  <a:gd name="connsiteY121" fmla="*/ 461320 h 714551"/>
                  <a:gd name="connsiteX122" fmla="*/ 121838 w 714552"/>
                  <a:gd name="connsiteY122" fmla="*/ 452135 h 714551"/>
                  <a:gd name="connsiteX123" fmla="*/ 107196 w 714552"/>
                  <a:gd name="connsiteY123" fmla="*/ 416949 h 714551"/>
                  <a:gd name="connsiteX124" fmla="*/ 137727 w 714552"/>
                  <a:gd name="connsiteY124" fmla="*/ 371099 h 714551"/>
                  <a:gd name="connsiteX125" fmla="*/ 151152 w 714552"/>
                  <a:gd name="connsiteY125" fmla="*/ 368402 h 714551"/>
                  <a:gd name="connsiteX126" fmla="*/ 125200 w 714552"/>
                  <a:gd name="connsiteY126" fmla="*/ 323068 h 714551"/>
                  <a:gd name="connsiteX127" fmla="*/ 304082 w 714552"/>
                  <a:gd name="connsiteY127" fmla="*/ 255373 h 714551"/>
                  <a:gd name="connsiteX128" fmla="*/ 252096 w 714552"/>
                  <a:gd name="connsiteY128" fmla="*/ 313710 h 714551"/>
                  <a:gd name="connsiteX129" fmla="*/ 197735 w 714552"/>
                  <a:gd name="connsiteY129" fmla="*/ 389444 h 714551"/>
                  <a:gd name="connsiteX130" fmla="*/ 203246 w 714552"/>
                  <a:gd name="connsiteY130" fmla="*/ 397580 h 714551"/>
                  <a:gd name="connsiteX131" fmla="*/ 207174 w 714552"/>
                  <a:gd name="connsiteY131" fmla="*/ 416949 h 714551"/>
                  <a:gd name="connsiteX132" fmla="*/ 205611 w 714552"/>
                  <a:gd name="connsiteY132" fmla="*/ 424658 h 714551"/>
                  <a:gd name="connsiteX133" fmla="*/ 243671 w 714552"/>
                  <a:gd name="connsiteY133" fmla="*/ 468093 h 714551"/>
                  <a:gd name="connsiteX134" fmla="*/ 313217 w 714552"/>
                  <a:gd name="connsiteY134" fmla="*/ 517652 h 714551"/>
                  <a:gd name="connsiteX135" fmla="*/ 377623 w 714552"/>
                  <a:gd name="connsiteY135" fmla="*/ 465761 h 714551"/>
                  <a:gd name="connsiteX136" fmla="*/ 436779 w 714552"/>
                  <a:gd name="connsiteY136" fmla="*/ 404754 h 714551"/>
                  <a:gd name="connsiteX137" fmla="*/ 442266 w 714552"/>
                  <a:gd name="connsiteY137" fmla="*/ 397923 h 714551"/>
                  <a:gd name="connsiteX138" fmla="*/ 412554 w 714552"/>
                  <a:gd name="connsiteY138" fmla="*/ 361545 h 714551"/>
                  <a:gd name="connsiteX139" fmla="*/ 401880 w 714552"/>
                  <a:gd name="connsiteY139" fmla="*/ 350583 h 714551"/>
                  <a:gd name="connsiteX140" fmla="*/ 398709 w 714552"/>
                  <a:gd name="connsiteY140" fmla="*/ 358202 h 714551"/>
                  <a:gd name="connsiteX141" fmla="*/ 368613 w 714552"/>
                  <a:gd name="connsiteY141" fmla="*/ 370611 h 714551"/>
                  <a:gd name="connsiteX142" fmla="*/ 326051 w 714552"/>
                  <a:gd name="connsiteY142" fmla="*/ 328244 h 714551"/>
                  <a:gd name="connsiteX143" fmla="*/ 338518 w 714552"/>
                  <a:gd name="connsiteY143" fmla="*/ 298286 h 714551"/>
                  <a:gd name="connsiteX144" fmla="*/ 347393 w 714552"/>
                  <a:gd name="connsiteY144" fmla="*/ 294627 h 714551"/>
                  <a:gd name="connsiteX145" fmla="*/ 341132 w 714552"/>
                  <a:gd name="connsiteY145" fmla="*/ 288197 h 714551"/>
                  <a:gd name="connsiteX146" fmla="*/ 667370 w 714552"/>
                  <a:gd name="connsiteY146" fmla="*/ 243573 h 714551"/>
                  <a:gd name="connsiteX147" fmla="*/ 669797 w 714552"/>
                  <a:gd name="connsiteY147" fmla="*/ 276858 h 714551"/>
                  <a:gd name="connsiteX148" fmla="*/ 657009 w 714552"/>
                  <a:gd name="connsiteY148" fmla="*/ 327228 h 714551"/>
                  <a:gd name="connsiteX149" fmla="*/ 664540 w 714552"/>
                  <a:gd name="connsiteY149" fmla="*/ 347419 h 714551"/>
                  <a:gd name="connsiteX150" fmla="*/ 677292 w 714552"/>
                  <a:gd name="connsiteY150" fmla="*/ 435974 h 714551"/>
                  <a:gd name="connsiteX151" fmla="*/ 676990 w 714552"/>
                  <a:gd name="connsiteY151" fmla="*/ 440247 h 714551"/>
                  <a:gd name="connsiteX152" fmla="*/ 685763 w 714552"/>
                  <a:gd name="connsiteY152" fmla="*/ 403940 h 714551"/>
                  <a:gd name="connsiteX153" fmla="*/ 679297 w 714552"/>
                  <a:gd name="connsiteY153" fmla="*/ 277380 h 714551"/>
                  <a:gd name="connsiteX154" fmla="*/ 47768 w 714552"/>
                  <a:gd name="connsiteY154" fmla="*/ 239816 h 714551"/>
                  <a:gd name="connsiteX155" fmla="*/ 43849 w 714552"/>
                  <a:gd name="connsiteY155" fmla="*/ 248286 h 714551"/>
                  <a:gd name="connsiteX156" fmla="*/ 35255 w 714552"/>
                  <a:gd name="connsiteY156" fmla="*/ 437171 h 714551"/>
                  <a:gd name="connsiteX157" fmla="*/ 50922 w 714552"/>
                  <a:gd name="connsiteY157" fmla="*/ 481583 h 714551"/>
                  <a:gd name="connsiteX158" fmla="*/ 57677 w 714552"/>
                  <a:gd name="connsiteY158" fmla="*/ 392611 h 714551"/>
                  <a:gd name="connsiteX159" fmla="*/ 61334 w 714552"/>
                  <a:gd name="connsiteY159" fmla="*/ 380598 h 714551"/>
                  <a:gd name="connsiteX160" fmla="*/ 52281 w 714552"/>
                  <a:gd name="connsiteY160" fmla="*/ 351749 h 714551"/>
                  <a:gd name="connsiteX161" fmla="*/ 44222 w 714552"/>
                  <a:gd name="connsiteY161" fmla="*/ 273115 h 714551"/>
                  <a:gd name="connsiteX162" fmla="*/ 585900 w 714552"/>
                  <a:gd name="connsiteY162" fmla="*/ 211697 h 714551"/>
                  <a:gd name="connsiteX163" fmla="*/ 569482 w 714552"/>
                  <a:gd name="connsiteY163" fmla="*/ 241976 h 714551"/>
                  <a:gd name="connsiteX164" fmla="*/ 575747 w 714552"/>
                  <a:gd name="connsiteY164" fmla="*/ 251226 h 714551"/>
                  <a:gd name="connsiteX165" fmla="*/ 579675 w 714552"/>
                  <a:gd name="connsiteY165" fmla="*/ 270595 h 714551"/>
                  <a:gd name="connsiteX166" fmla="*/ 549144 w 714552"/>
                  <a:gd name="connsiteY166" fmla="*/ 316445 h 714551"/>
                  <a:gd name="connsiteX167" fmla="*/ 547889 w 714552"/>
                  <a:gd name="connsiteY167" fmla="*/ 316697 h 714551"/>
                  <a:gd name="connsiteX168" fmla="*/ 562398 w 714552"/>
                  <a:gd name="connsiteY168" fmla="*/ 336996 h 714551"/>
                  <a:gd name="connsiteX169" fmla="*/ 579134 w 714552"/>
                  <a:gd name="connsiteY169" fmla="*/ 367907 h 714551"/>
                  <a:gd name="connsiteX170" fmla="*/ 585957 w 714552"/>
                  <a:gd name="connsiteY170" fmla="*/ 366536 h 714551"/>
                  <a:gd name="connsiteX171" fmla="*/ 612283 w 714552"/>
                  <a:gd name="connsiteY171" fmla="*/ 371827 h 714551"/>
                  <a:gd name="connsiteX172" fmla="*/ 621509 w 714552"/>
                  <a:gd name="connsiteY172" fmla="*/ 378019 h 714551"/>
                  <a:gd name="connsiteX173" fmla="*/ 622202 w 714552"/>
                  <a:gd name="connsiteY173" fmla="*/ 376832 h 714551"/>
                  <a:gd name="connsiteX174" fmla="*/ 638486 w 714552"/>
                  <a:gd name="connsiteY174" fmla="*/ 312699 h 714551"/>
                  <a:gd name="connsiteX175" fmla="*/ 624308 w 714552"/>
                  <a:gd name="connsiteY175" fmla="*/ 272094 h 714551"/>
                  <a:gd name="connsiteX176" fmla="*/ 388134 w 714552"/>
                  <a:gd name="connsiteY176" fmla="*/ 179850 h 714551"/>
                  <a:gd name="connsiteX177" fmla="*/ 376939 w 714552"/>
                  <a:gd name="connsiteY177" fmla="*/ 187786 h 714551"/>
                  <a:gd name="connsiteX178" fmla="*/ 312720 w 714552"/>
                  <a:gd name="connsiteY178" fmla="*/ 245682 h 714551"/>
                  <a:gd name="connsiteX179" fmla="*/ 309775 w 714552"/>
                  <a:gd name="connsiteY179" fmla="*/ 248985 h 714551"/>
                  <a:gd name="connsiteX180" fmla="*/ 339714 w 714552"/>
                  <a:gd name="connsiteY180" fmla="*/ 275893 h 714551"/>
                  <a:gd name="connsiteX181" fmla="*/ 354878 w 714552"/>
                  <a:gd name="connsiteY181" fmla="*/ 291540 h 714551"/>
                  <a:gd name="connsiteX182" fmla="*/ 368613 w 714552"/>
                  <a:gd name="connsiteY182" fmla="*/ 285877 h 714551"/>
                  <a:gd name="connsiteX183" fmla="*/ 411175 w 714552"/>
                  <a:gd name="connsiteY183" fmla="*/ 328244 h 714551"/>
                  <a:gd name="connsiteX184" fmla="*/ 404950 w 714552"/>
                  <a:gd name="connsiteY184" fmla="*/ 343205 h 714551"/>
                  <a:gd name="connsiteX185" fmla="*/ 412779 w 714552"/>
                  <a:gd name="connsiteY185" fmla="*/ 351283 h 714551"/>
                  <a:gd name="connsiteX186" fmla="*/ 446647 w 714552"/>
                  <a:gd name="connsiteY186" fmla="*/ 392467 h 714551"/>
                  <a:gd name="connsiteX187" fmla="*/ 487912 w 714552"/>
                  <a:gd name="connsiteY187" fmla="*/ 341085 h 714551"/>
                  <a:gd name="connsiteX188" fmla="*/ 504608 w 714552"/>
                  <a:gd name="connsiteY188" fmla="*/ 312673 h 714551"/>
                  <a:gd name="connsiteX189" fmla="*/ 494339 w 714552"/>
                  <a:gd name="connsiteY189" fmla="*/ 305781 h 714551"/>
                  <a:gd name="connsiteX190" fmla="*/ 479697 w 714552"/>
                  <a:gd name="connsiteY190" fmla="*/ 270595 h 714551"/>
                  <a:gd name="connsiteX191" fmla="*/ 482182 w 714552"/>
                  <a:gd name="connsiteY191" fmla="*/ 258345 h 714551"/>
                  <a:gd name="connsiteX192" fmla="*/ 427474 w 714552"/>
                  <a:gd name="connsiteY192" fmla="*/ 204358 h 714551"/>
                  <a:gd name="connsiteX193" fmla="*/ 199223 w 714552"/>
                  <a:gd name="connsiteY193" fmla="*/ 171542 h 714551"/>
                  <a:gd name="connsiteX194" fmla="*/ 135497 w 714552"/>
                  <a:gd name="connsiteY194" fmla="*/ 250607 h 714551"/>
                  <a:gd name="connsiteX195" fmla="*/ 123377 w 714552"/>
                  <a:gd name="connsiteY195" fmla="*/ 274720 h 714551"/>
                  <a:gd name="connsiteX196" fmla="*/ 134248 w 714552"/>
                  <a:gd name="connsiteY196" fmla="*/ 312031 h 714551"/>
                  <a:gd name="connsiteX197" fmla="*/ 165241 w 714552"/>
                  <a:gd name="connsiteY197" fmla="*/ 368808 h 714551"/>
                  <a:gd name="connsiteX198" fmla="*/ 176643 w 714552"/>
                  <a:gd name="connsiteY198" fmla="*/ 371099 h 714551"/>
                  <a:gd name="connsiteX199" fmla="*/ 184928 w 714552"/>
                  <a:gd name="connsiteY199" fmla="*/ 376660 h 714551"/>
                  <a:gd name="connsiteX200" fmla="*/ 239979 w 714552"/>
                  <a:gd name="connsiteY200" fmla="*/ 299965 h 714551"/>
                  <a:gd name="connsiteX201" fmla="*/ 290467 w 714552"/>
                  <a:gd name="connsiteY201" fmla="*/ 243311 h 714551"/>
                  <a:gd name="connsiteX202" fmla="*/ 268528 w 714552"/>
                  <a:gd name="connsiteY202" fmla="*/ 223873 h 714551"/>
                  <a:gd name="connsiteX203" fmla="*/ 248270 w 714552"/>
                  <a:gd name="connsiteY203" fmla="*/ 208577 h 714551"/>
                  <a:gd name="connsiteX204" fmla="*/ 241838 w 714552"/>
                  <a:gd name="connsiteY204" fmla="*/ 207284 h 714551"/>
                  <a:gd name="connsiteX205" fmla="*/ 220340 w 714552"/>
                  <a:gd name="connsiteY205" fmla="*/ 192856 h 714551"/>
                  <a:gd name="connsiteX206" fmla="*/ 212897 w 714552"/>
                  <a:gd name="connsiteY206" fmla="*/ 181866 h 714551"/>
                  <a:gd name="connsiteX207" fmla="*/ 89292 w 714552"/>
                  <a:gd name="connsiteY207" fmla="*/ 164538 h 714551"/>
                  <a:gd name="connsiteX208" fmla="*/ 71230 w 714552"/>
                  <a:gd name="connsiteY208" fmla="*/ 189109 h 714551"/>
                  <a:gd name="connsiteX209" fmla="*/ 58082 w 714552"/>
                  <a:gd name="connsiteY209" fmla="*/ 217524 h 714551"/>
                  <a:gd name="connsiteX210" fmla="*/ 54597 w 714552"/>
                  <a:gd name="connsiteY210" fmla="*/ 248257 h 714551"/>
                  <a:gd name="connsiteX211" fmla="*/ 61377 w 714552"/>
                  <a:gd name="connsiteY211" fmla="*/ 329972 h 714551"/>
                  <a:gd name="connsiteX212" fmla="*/ 68776 w 714552"/>
                  <a:gd name="connsiteY212" fmla="*/ 356146 h 714551"/>
                  <a:gd name="connsiteX213" fmla="*/ 82317 w 714552"/>
                  <a:gd name="connsiteY213" fmla="*/ 311660 h 714551"/>
                  <a:gd name="connsiteX214" fmla="*/ 106151 w 714552"/>
                  <a:gd name="connsiteY214" fmla="*/ 264244 h 714551"/>
                  <a:gd name="connsiteX215" fmla="*/ 96528 w 714552"/>
                  <a:gd name="connsiteY215" fmla="*/ 234535 h 714551"/>
                  <a:gd name="connsiteX216" fmla="*/ 335438 w 714552"/>
                  <a:gd name="connsiteY216" fmla="*/ 147023 h 714551"/>
                  <a:gd name="connsiteX217" fmla="*/ 330482 w 714552"/>
                  <a:gd name="connsiteY217" fmla="*/ 171457 h 714551"/>
                  <a:gd name="connsiteX218" fmla="*/ 294490 w 714552"/>
                  <a:gd name="connsiteY218" fmla="*/ 207284 h 714551"/>
                  <a:gd name="connsiteX219" fmla="*/ 269065 w 714552"/>
                  <a:gd name="connsiteY219" fmla="*/ 212394 h 714551"/>
                  <a:gd name="connsiteX220" fmla="*/ 296247 w 714552"/>
                  <a:gd name="connsiteY220" fmla="*/ 236824 h 714551"/>
                  <a:gd name="connsiteX221" fmla="*/ 303795 w 714552"/>
                  <a:gd name="connsiteY221" fmla="*/ 228353 h 714551"/>
                  <a:gd name="connsiteX222" fmla="*/ 370075 w 714552"/>
                  <a:gd name="connsiteY222" fmla="*/ 168602 h 714551"/>
                  <a:gd name="connsiteX223" fmla="*/ 610571 w 714552"/>
                  <a:gd name="connsiteY223" fmla="*/ 145240 h 714551"/>
                  <a:gd name="connsiteX224" fmla="*/ 591321 w 714552"/>
                  <a:gd name="connsiteY224" fmla="*/ 197895 h 714551"/>
                  <a:gd name="connsiteX225" fmla="*/ 632549 w 714552"/>
                  <a:gd name="connsiteY225" fmla="*/ 261660 h 714551"/>
                  <a:gd name="connsiteX226" fmla="*/ 643791 w 714552"/>
                  <a:gd name="connsiteY226" fmla="*/ 291798 h 714551"/>
                  <a:gd name="connsiteX227" fmla="*/ 647227 w 714552"/>
                  <a:gd name="connsiteY227" fmla="*/ 278269 h 714551"/>
                  <a:gd name="connsiteX228" fmla="*/ 640623 w 714552"/>
                  <a:gd name="connsiteY228" fmla="*/ 187681 h 714551"/>
                  <a:gd name="connsiteX229" fmla="*/ 624696 w 714552"/>
                  <a:gd name="connsiteY229" fmla="*/ 160835 h 714551"/>
                  <a:gd name="connsiteX230" fmla="*/ 123273 w 714552"/>
                  <a:gd name="connsiteY230" fmla="*/ 123877 h 714551"/>
                  <a:gd name="connsiteX231" fmla="*/ 111030 w 714552"/>
                  <a:gd name="connsiteY231" fmla="*/ 134966 h 714551"/>
                  <a:gd name="connsiteX232" fmla="*/ 103045 w 714552"/>
                  <a:gd name="connsiteY232" fmla="*/ 145830 h 714551"/>
                  <a:gd name="connsiteX233" fmla="*/ 108418 w 714552"/>
                  <a:gd name="connsiteY233" fmla="*/ 223381 h 714551"/>
                  <a:gd name="connsiteX234" fmla="*/ 115123 w 714552"/>
                  <a:gd name="connsiteY234" fmla="*/ 246394 h 714551"/>
                  <a:gd name="connsiteX235" fmla="*/ 118983 w 714552"/>
                  <a:gd name="connsiteY235" fmla="*/ 238715 h 714551"/>
                  <a:gd name="connsiteX236" fmla="*/ 153408 w 714552"/>
                  <a:gd name="connsiteY236" fmla="*/ 189961 h 714551"/>
                  <a:gd name="connsiteX237" fmla="*/ 181108 w 714552"/>
                  <a:gd name="connsiteY237" fmla="*/ 159818 h 714551"/>
                  <a:gd name="connsiteX238" fmla="*/ 125841 w 714552"/>
                  <a:gd name="connsiteY238" fmla="*/ 125213 h 714551"/>
                  <a:gd name="connsiteX239" fmla="*/ 491029 w 714552"/>
                  <a:gd name="connsiteY239" fmla="*/ 116871 h 714551"/>
                  <a:gd name="connsiteX240" fmla="*/ 443339 w 714552"/>
                  <a:gd name="connsiteY240" fmla="*/ 140715 h 714551"/>
                  <a:gd name="connsiteX241" fmla="*/ 402963 w 714552"/>
                  <a:gd name="connsiteY241" fmla="*/ 169337 h 714551"/>
                  <a:gd name="connsiteX242" fmla="*/ 450243 w 714552"/>
                  <a:gd name="connsiteY242" fmla="*/ 204546 h 714551"/>
                  <a:gd name="connsiteX243" fmla="*/ 488338 w 714552"/>
                  <a:gd name="connsiteY243" fmla="*/ 244269 h 714551"/>
                  <a:gd name="connsiteX244" fmla="*/ 494339 w 714552"/>
                  <a:gd name="connsiteY244" fmla="*/ 235409 h 714551"/>
                  <a:gd name="connsiteX245" fmla="*/ 529686 w 714552"/>
                  <a:gd name="connsiteY245" fmla="*/ 220835 h 714551"/>
                  <a:gd name="connsiteX246" fmla="*/ 549144 w 714552"/>
                  <a:gd name="connsiteY246" fmla="*/ 224745 h 714551"/>
                  <a:gd name="connsiteX247" fmla="*/ 554261 w 714552"/>
                  <a:gd name="connsiteY247" fmla="*/ 228179 h 714551"/>
                  <a:gd name="connsiteX248" fmla="*/ 564930 w 714552"/>
                  <a:gd name="connsiteY248" fmla="*/ 210023 h 714551"/>
                  <a:gd name="connsiteX249" fmla="*/ 571873 w 714552"/>
                  <a:gd name="connsiteY249" fmla="*/ 191034 h 714551"/>
                  <a:gd name="connsiteX250" fmla="*/ 535575 w 714552"/>
                  <a:gd name="connsiteY250" fmla="*/ 152338 h 714551"/>
                  <a:gd name="connsiteX251" fmla="*/ 492030 w 714552"/>
                  <a:gd name="connsiteY251" fmla="*/ 117465 h 714551"/>
                  <a:gd name="connsiteX252" fmla="*/ 149397 w 714552"/>
                  <a:gd name="connsiteY252" fmla="*/ 100216 h 714551"/>
                  <a:gd name="connsiteX253" fmla="*/ 133681 w 714552"/>
                  <a:gd name="connsiteY253" fmla="*/ 114451 h 714551"/>
                  <a:gd name="connsiteX254" fmla="*/ 189461 w 714552"/>
                  <a:gd name="connsiteY254" fmla="*/ 150730 h 714551"/>
                  <a:gd name="connsiteX255" fmla="*/ 193017 w 714552"/>
                  <a:gd name="connsiteY255" fmla="*/ 146860 h 714551"/>
                  <a:gd name="connsiteX256" fmla="*/ 201456 w 714552"/>
                  <a:gd name="connsiteY256" fmla="*/ 140692 h 714551"/>
                  <a:gd name="connsiteX257" fmla="*/ 205846 w 714552"/>
                  <a:gd name="connsiteY257" fmla="*/ 119047 h 714551"/>
                  <a:gd name="connsiteX258" fmla="*/ 214270 w 714552"/>
                  <a:gd name="connsiteY258" fmla="*/ 106610 h 714551"/>
                  <a:gd name="connsiteX259" fmla="*/ 551006 w 714552"/>
                  <a:gd name="connsiteY259" fmla="*/ 90021 h 714551"/>
                  <a:gd name="connsiteX260" fmla="*/ 532814 w 714552"/>
                  <a:gd name="connsiteY260" fmla="*/ 95982 h 714551"/>
                  <a:gd name="connsiteX261" fmla="*/ 504524 w 714552"/>
                  <a:gd name="connsiteY261" fmla="*/ 110125 h 714551"/>
                  <a:gd name="connsiteX262" fmla="*/ 529575 w 714552"/>
                  <a:gd name="connsiteY262" fmla="*/ 128577 h 714551"/>
                  <a:gd name="connsiteX263" fmla="*/ 576789 w 714552"/>
                  <a:gd name="connsiteY263" fmla="*/ 177584 h 714551"/>
                  <a:gd name="connsiteX264" fmla="*/ 594929 w 714552"/>
                  <a:gd name="connsiteY264" fmla="*/ 127970 h 714551"/>
                  <a:gd name="connsiteX265" fmla="*/ 579586 w 714552"/>
                  <a:gd name="connsiteY265" fmla="*/ 111030 h 714551"/>
                  <a:gd name="connsiteX266" fmla="*/ 383383 w 714552"/>
                  <a:gd name="connsiteY266" fmla="*/ 66055 h 714551"/>
                  <a:gd name="connsiteX267" fmla="*/ 309627 w 714552"/>
                  <a:gd name="connsiteY267" fmla="*/ 93378 h 714551"/>
                  <a:gd name="connsiteX268" fmla="*/ 315988 w 714552"/>
                  <a:gd name="connsiteY268" fmla="*/ 97648 h 714551"/>
                  <a:gd name="connsiteX269" fmla="*/ 330482 w 714552"/>
                  <a:gd name="connsiteY269" fmla="*/ 119047 h 714551"/>
                  <a:gd name="connsiteX270" fmla="*/ 331969 w 714552"/>
                  <a:gd name="connsiteY270" fmla="*/ 126377 h 714551"/>
                  <a:gd name="connsiteX271" fmla="*/ 374074 w 714552"/>
                  <a:gd name="connsiteY271" fmla="*/ 147823 h 714551"/>
                  <a:gd name="connsiteX272" fmla="*/ 386244 w 714552"/>
                  <a:gd name="connsiteY272" fmla="*/ 156886 h 714551"/>
                  <a:gd name="connsiteX273" fmla="*/ 441299 w 714552"/>
                  <a:gd name="connsiteY273" fmla="*/ 117856 h 714551"/>
                  <a:gd name="connsiteX274" fmla="*/ 469184 w 714552"/>
                  <a:gd name="connsiteY274" fmla="*/ 103915 h 714551"/>
                  <a:gd name="connsiteX275" fmla="*/ 444756 w 714552"/>
                  <a:gd name="connsiteY275" fmla="*/ 89425 h 714551"/>
                  <a:gd name="connsiteX276" fmla="*/ 394511 w 714552"/>
                  <a:gd name="connsiteY276" fmla="*/ 68285 h 714551"/>
                  <a:gd name="connsiteX277" fmla="*/ 494347 w 714552"/>
                  <a:gd name="connsiteY277" fmla="*/ 56841 h 714551"/>
                  <a:gd name="connsiteX278" fmla="*/ 422186 w 714552"/>
                  <a:gd name="connsiteY278" fmla="*/ 60928 h 714551"/>
                  <a:gd name="connsiteX279" fmla="*/ 471636 w 714552"/>
                  <a:gd name="connsiteY279" fmla="*/ 85897 h 714551"/>
                  <a:gd name="connsiteX280" fmla="*/ 485214 w 714552"/>
                  <a:gd name="connsiteY280" fmla="*/ 95900 h 714551"/>
                  <a:gd name="connsiteX281" fmla="*/ 529133 w 714552"/>
                  <a:gd name="connsiteY281" fmla="*/ 73942 h 714551"/>
                  <a:gd name="connsiteX282" fmla="*/ 525442 w 714552"/>
                  <a:gd name="connsiteY282" fmla="*/ 71229 h 714551"/>
                  <a:gd name="connsiteX283" fmla="*/ 288153 w 714552"/>
                  <a:gd name="connsiteY283" fmla="*/ 46979 h 714551"/>
                  <a:gd name="connsiteX284" fmla="*/ 234166 w 714552"/>
                  <a:gd name="connsiteY284" fmla="*/ 50500 h 714551"/>
                  <a:gd name="connsiteX285" fmla="*/ 216915 w 714552"/>
                  <a:gd name="connsiteY285" fmla="*/ 56586 h 714551"/>
                  <a:gd name="connsiteX286" fmla="*/ 182785 w 714552"/>
                  <a:gd name="connsiteY286" fmla="*/ 76834 h 714551"/>
                  <a:gd name="connsiteX287" fmla="*/ 209134 w 714552"/>
                  <a:gd name="connsiteY287" fmla="*/ 80986 h 714551"/>
                  <a:gd name="connsiteX288" fmla="*/ 233927 w 714552"/>
                  <a:gd name="connsiteY288" fmla="*/ 88530 h 714551"/>
                  <a:gd name="connsiteX289" fmla="*/ 241838 w 714552"/>
                  <a:gd name="connsiteY289" fmla="*/ 83220 h 714551"/>
                  <a:gd name="connsiteX290" fmla="*/ 268164 w 714552"/>
                  <a:gd name="connsiteY290" fmla="*/ 77929 h 714551"/>
                  <a:gd name="connsiteX291" fmla="*/ 283200 w 714552"/>
                  <a:gd name="connsiteY291" fmla="*/ 80951 h 714551"/>
                  <a:gd name="connsiteX292" fmla="*/ 285081 w 714552"/>
                  <a:gd name="connsiteY292" fmla="*/ 79576 h 714551"/>
                  <a:gd name="connsiteX293" fmla="*/ 343270 w 714552"/>
                  <a:gd name="connsiteY293" fmla="*/ 58020 h 714551"/>
                  <a:gd name="connsiteX294" fmla="*/ 340351 w 714552"/>
                  <a:gd name="connsiteY294" fmla="*/ 25957 h 714551"/>
                  <a:gd name="connsiteX295" fmla="*/ 313464 w 714552"/>
                  <a:gd name="connsiteY295" fmla="*/ 29926 h 714551"/>
                  <a:gd name="connsiteX296" fmla="*/ 342538 w 714552"/>
                  <a:gd name="connsiteY296" fmla="*/ 33543 h 714551"/>
                  <a:gd name="connsiteX297" fmla="*/ 378845 w 714552"/>
                  <a:gd name="connsiteY297" fmla="*/ 44841 h 714551"/>
                  <a:gd name="connsiteX298" fmla="*/ 389757 w 714552"/>
                  <a:gd name="connsiteY298" fmla="*/ 40799 h 714551"/>
                  <a:gd name="connsiteX299" fmla="*/ 441514 w 714552"/>
                  <a:gd name="connsiteY299" fmla="*/ 37867 h 714551"/>
                  <a:gd name="connsiteX300" fmla="*/ 403941 w 714552"/>
                  <a:gd name="connsiteY300" fmla="*/ 28789 h 714551"/>
                  <a:gd name="connsiteX301" fmla="*/ 340351 w 714552"/>
                  <a:gd name="connsiteY301" fmla="*/ 25957 h 714551"/>
                  <a:gd name="connsiteX302" fmla="*/ 356186 w 714552"/>
                  <a:gd name="connsiteY302" fmla="*/ 2 h 714551"/>
                  <a:gd name="connsiteX303" fmla="*/ 596689 w 714552"/>
                  <a:gd name="connsiteY303" fmla="*/ 92086 h 714551"/>
                  <a:gd name="connsiteX304" fmla="*/ 616572 w 714552"/>
                  <a:gd name="connsiteY304" fmla="*/ 114039 h 714551"/>
                  <a:gd name="connsiteX305" fmla="*/ 620730 w 714552"/>
                  <a:gd name="connsiteY305" fmla="*/ 116955 h 714551"/>
                  <a:gd name="connsiteX306" fmla="*/ 620423 w 714552"/>
                  <a:gd name="connsiteY306" fmla="*/ 118290 h 714551"/>
                  <a:gd name="connsiteX307" fmla="*/ 645269 w 714552"/>
                  <a:gd name="connsiteY307" fmla="*/ 145724 h 714551"/>
                  <a:gd name="connsiteX308" fmla="*/ 658367 w 714552"/>
                  <a:gd name="connsiteY308" fmla="*/ 167801 h 714551"/>
                  <a:gd name="connsiteX309" fmla="*/ 660378 w 714552"/>
                  <a:gd name="connsiteY309" fmla="*/ 166925 h 714551"/>
                  <a:gd name="connsiteX310" fmla="*/ 662200 w 714552"/>
                  <a:gd name="connsiteY310" fmla="*/ 172636 h 714551"/>
                  <a:gd name="connsiteX311" fmla="*/ 662335 w 714552"/>
                  <a:gd name="connsiteY311" fmla="*/ 174488 h 714551"/>
                  <a:gd name="connsiteX312" fmla="*/ 681099 w 714552"/>
                  <a:gd name="connsiteY312" fmla="*/ 206115 h 714551"/>
                  <a:gd name="connsiteX313" fmla="*/ 694817 w 714552"/>
                  <a:gd name="connsiteY313" fmla="*/ 474650 h 714551"/>
                  <a:gd name="connsiteX314" fmla="*/ 670187 w 714552"/>
                  <a:gd name="connsiteY314" fmla="*/ 527879 h 714551"/>
                  <a:gd name="connsiteX315" fmla="*/ 669572 w 714552"/>
                  <a:gd name="connsiteY315" fmla="*/ 530550 h 714551"/>
                  <a:gd name="connsiteX316" fmla="*/ 668813 w 714552"/>
                  <a:gd name="connsiteY316" fmla="*/ 532071 h 714551"/>
                  <a:gd name="connsiteX317" fmla="*/ 666674 w 714552"/>
                  <a:gd name="connsiteY317" fmla="*/ 535472 h 714551"/>
                  <a:gd name="connsiteX318" fmla="*/ 665329 w 714552"/>
                  <a:gd name="connsiteY318" fmla="*/ 538379 h 714551"/>
                  <a:gd name="connsiteX319" fmla="*/ 661969 w 714552"/>
                  <a:gd name="connsiteY319" fmla="*/ 542950 h 714551"/>
                  <a:gd name="connsiteX320" fmla="*/ 650198 w 714552"/>
                  <a:gd name="connsiteY320" fmla="*/ 561656 h 714551"/>
                  <a:gd name="connsiteX321" fmla="*/ 645757 w 714552"/>
                  <a:gd name="connsiteY321" fmla="*/ 567383 h 714551"/>
                  <a:gd name="connsiteX322" fmla="*/ 646743 w 714552"/>
                  <a:gd name="connsiteY322" fmla="*/ 563662 h 714551"/>
                  <a:gd name="connsiteX323" fmla="*/ 643528 w 714552"/>
                  <a:gd name="connsiteY323" fmla="*/ 568036 h 714551"/>
                  <a:gd name="connsiteX324" fmla="*/ 643635 w 714552"/>
                  <a:gd name="connsiteY324" fmla="*/ 568822 h 714551"/>
                  <a:gd name="connsiteX325" fmla="*/ 644920 w 714552"/>
                  <a:gd name="connsiteY325" fmla="*/ 568464 h 714551"/>
                  <a:gd name="connsiteX326" fmla="*/ 628953 w 714552"/>
                  <a:gd name="connsiteY326" fmla="*/ 589050 h 714551"/>
                  <a:gd name="connsiteX327" fmla="*/ 625015 w 714552"/>
                  <a:gd name="connsiteY327" fmla="*/ 593221 h 714551"/>
                  <a:gd name="connsiteX328" fmla="*/ 622466 w 714552"/>
                  <a:gd name="connsiteY328" fmla="*/ 596688 h 714551"/>
                  <a:gd name="connsiteX329" fmla="*/ 602356 w 714552"/>
                  <a:gd name="connsiteY329" fmla="*/ 614903 h 714551"/>
                  <a:gd name="connsiteX330" fmla="*/ 603020 w 714552"/>
                  <a:gd name="connsiteY330" fmla="*/ 616094 h 714551"/>
                  <a:gd name="connsiteX331" fmla="*/ 596409 w 714552"/>
                  <a:gd name="connsiteY331" fmla="*/ 621868 h 714551"/>
                  <a:gd name="connsiteX332" fmla="*/ 595837 w 714552"/>
                  <a:gd name="connsiteY332" fmla="*/ 620806 h 714551"/>
                  <a:gd name="connsiteX333" fmla="*/ 568829 w 714552"/>
                  <a:gd name="connsiteY333" fmla="*/ 645269 h 714551"/>
                  <a:gd name="connsiteX334" fmla="*/ 551809 w 714552"/>
                  <a:gd name="connsiteY334" fmla="*/ 655367 h 714551"/>
                  <a:gd name="connsiteX335" fmla="*/ 554292 w 714552"/>
                  <a:gd name="connsiteY335" fmla="*/ 654736 h 714551"/>
                  <a:gd name="connsiteX336" fmla="*/ 551567 w 714552"/>
                  <a:gd name="connsiteY336" fmla="*/ 656691 h 714551"/>
                  <a:gd name="connsiteX337" fmla="*/ 521934 w 714552"/>
                  <a:gd name="connsiteY337" fmla="*/ 673931 h 714551"/>
                  <a:gd name="connsiteX338" fmla="*/ 515614 w 714552"/>
                  <a:gd name="connsiteY338" fmla="*/ 676839 h 714551"/>
                  <a:gd name="connsiteX339" fmla="*/ 508436 w 714552"/>
                  <a:gd name="connsiteY339" fmla="*/ 681098 h 714551"/>
                  <a:gd name="connsiteX340" fmla="*/ 117864 w 714552"/>
                  <a:gd name="connsiteY340" fmla="*/ 622466 h 714551"/>
                  <a:gd name="connsiteX341" fmla="*/ 87593 w 714552"/>
                  <a:gd name="connsiteY341" fmla="*/ 589044 h 714551"/>
                  <a:gd name="connsiteX342" fmla="*/ 81891 w 714552"/>
                  <a:gd name="connsiteY342" fmla="*/ 588244 h 714551"/>
                  <a:gd name="connsiteX343" fmla="*/ 83326 w 714552"/>
                  <a:gd name="connsiteY343" fmla="*/ 584333 h 714551"/>
                  <a:gd name="connsiteX344" fmla="*/ 69282 w 714552"/>
                  <a:gd name="connsiteY344" fmla="*/ 568828 h 714551"/>
                  <a:gd name="connsiteX345" fmla="*/ 49224 w 714552"/>
                  <a:gd name="connsiteY345" fmla="*/ 176173 h 714551"/>
                  <a:gd name="connsiteX346" fmla="*/ 61800 w 714552"/>
                  <a:gd name="connsiteY346" fmla="*/ 159064 h 714551"/>
                  <a:gd name="connsiteX347" fmla="*/ 63093 w 714552"/>
                  <a:gd name="connsiteY347" fmla="*/ 154269 h 714551"/>
                  <a:gd name="connsiteX348" fmla="*/ 64558 w 714552"/>
                  <a:gd name="connsiteY348" fmla="*/ 151941 h 714551"/>
                  <a:gd name="connsiteX349" fmla="*/ 68847 w 714552"/>
                  <a:gd name="connsiteY349" fmla="*/ 146412 h 714551"/>
                  <a:gd name="connsiteX350" fmla="*/ 67570 w 714552"/>
                  <a:gd name="connsiteY350" fmla="*/ 151215 h 714551"/>
                  <a:gd name="connsiteX351" fmla="*/ 88322 w 714552"/>
                  <a:gd name="connsiteY351" fmla="*/ 122985 h 714551"/>
                  <a:gd name="connsiteX352" fmla="*/ 88384 w 714552"/>
                  <a:gd name="connsiteY352" fmla="*/ 121815 h 714551"/>
                  <a:gd name="connsiteX353" fmla="*/ 91983 w 714552"/>
                  <a:gd name="connsiteY353" fmla="*/ 118005 h 714551"/>
                  <a:gd name="connsiteX354" fmla="*/ 92086 w 714552"/>
                  <a:gd name="connsiteY354" fmla="*/ 117863 h 714551"/>
                  <a:gd name="connsiteX355" fmla="*/ 92290 w 714552"/>
                  <a:gd name="connsiteY355" fmla="*/ 117679 h 714551"/>
                  <a:gd name="connsiteX356" fmla="*/ 98575 w 714552"/>
                  <a:gd name="connsiteY356" fmla="*/ 111021 h 714551"/>
                  <a:gd name="connsiteX357" fmla="*/ 98574 w 714552"/>
                  <a:gd name="connsiteY357" fmla="*/ 111021 h 714551"/>
                  <a:gd name="connsiteX358" fmla="*/ 109194 w 714552"/>
                  <a:gd name="connsiteY358" fmla="*/ 99775 h 714551"/>
                  <a:gd name="connsiteX359" fmla="*/ 110978 w 714552"/>
                  <a:gd name="connsiteY359" fmla="*/ 100753 h 714551"/>
                  <a:gd name="connsiteX360" fmla="*/ 114309 w 714552"/>
                  <a:gd name="connsiteY360" fmla="*/ 97735 h 714551"/>
                  <a:gd name="connsiteX361" fmla="*/ 111203 w 714552"/>
                  <a:gd name="connsiteY361" fmla="*/ 97969 h 714551"/>
                  <a:gd name="connsiteX362" fmla="*/ 135331 w 714552"/>
                  <a:gd name="connsiteY362" fmla="*/ 76894 h 714551"/>
                  <a:gd name="connsiteX363" fmla="*/ 141004 w 714552"/>
                  <a:gd name="connsiteY363" fmla="*/ 72824 h 714551"/>
                  <a:gd name="connsiteX364" fmla="*/ 141764 w 714552"/>
                  <a:gd name="connsiteY364" fmla="*/ 72869 h 714551"/>
                  <a:gd name="connsiteX365" fmla="*/ 145724 w 714552"/>
                  <a:gd name="connsiteY365" fmla="*/ 69282 h 714551"/>
                  <a:gd name="connsiteX366" fmla="*/ 165762 w 714552"/>
                  <a:gd name="connsiteY366" fmla="*/ 57395 h 714551"/>
                  <a:gd name="connsiteX367" fmla="*/ 160785 w 714552"/>
                  <a:gd name="connsiteY367" fmla="*/ 58633 h 714551"/>
                  <a:gd name="connsiteX368" fmla="*/ 163189 w 714552"/>
                  <a:gd name="connsiteY368" fmla="*/ 56907 h 714551"/>
                  <a:gd name="connsiteX369" fmla="*/ 190471 w 714552"/>
                  <a:gd name="connsiteY369" fmla="*/ 42735 h 714551"/>
                  <a:gd name="connsiteX370" fmla="*/ 206116 w 714552"/>
                  <a:gd name="connsiteY370" fmla="*/ 33453 h 714551"/>
                  <a:gd name="connsiteX371" fmla="*/ 213043 w 714552"/>
                  <a:gd name="connsiteY371" fmla="*/ 31009 h 714551"/>
                  <a:gd name="connsiteX372" fmla="*/ 224021 w 714552"/>
                  <a:gd name="connsiteY372" fmla="*/ 25307 h 714551"/>
                  <a:gd name="connsiteX373" fmla="*/ 225919 w 714552"/>
                  <a:gd name="connsiteY373" fmla="*/ 24646 h 714551"/>
                  <a:gd name="connsiteX374" fmla="*/ 231396 w 714552"/>
                  <a:gd name="connsiteY374" fmla="*/ 24535 h 714551"/>
                  <a:gd name="connsiteX375" fmla="*/ 271235 w 714552"/>
                  <a:gd name="connsiteY375" fmla="*/ 10481 h 714551"/>
                  <a:gd name="connsiteX376" fmla="*/ 356186 w 714552"/>
                  <a:gd name="connsiteY376" fmla="*/ 2 h 71455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</a:cxnLst>
                <a:rect l="l" t="t" r="r" b="b"/>
                <a:pathLst>
                  <a:path w="714552" h="714551">
                    <a:moveTo>
                      <a:pt x="328118" y="655919"/>
                    </a:moveTo>
                    <a:lnTo>
                      <a:pt x="259850" y="673497"/>
                    </a:lnTo>
                    <a:lnTo>
                      <a:pt x="310612" y="685762"/>
                    </a:lnTo>
                    <a:cubicBezTo>
                      <a:pt x="352793" y="691715"/>
                      <a:pt x="395818" y="689517"/>
                      <a:pt x="437172" y="679297"/>
                    </a:cubicBezTo>
                    <a:lnTo>
                      <a:pt x="446149" y="676129"/>
                    </a:lnTo>
                    <a:lnTo>
                      <a:pt x="377337" y="671533"/>
                    </a:lnTo>
                    <a:close/>
                    <a:moveTo>
                      <a:pt x="220072" y="602681"/>
                    </a:moveTo>
                    <a:lnTo>
                      <a:pt x="171570" y="630428"/>
                    </a:lnTo>
                    <a:lnTo>
                      <a:pt x="189111" y="643321"/>
                    </a:lnTo>
                    <a:lnTo>
                      <a:pt x="229960" y="662222"/>
                    </a:lnTo>
                    <a:lnTo>
                      <a:pt x="295577" y="645328"/>
                    </a:lnTo>
                    <a:lnTo>
                      <a:pt x="224981" y="606740"/>
                    </a:lnTo>
                    <a:close/>
                    <a:moveTo>
                      <a:pt x="457428" y="594412"/>
                    </a:moveTo>
                    <a:lnTo>
                      <a:pt x="439487" y="606671"/>
                    </a:lnTo>
                    <a:lnTo>
                      <a:pt x="438432" y="611871"/>
                    </a:lnTo>
                    <a:cubicBezTo>
                      <a:pt x="428165" y="636034"/>
                      <a:pt x="404129" y="652989"/>
                      <a:pt x="376114" y="652989"/>
                    </a:cubicBezTo>
                    <a:lnTo>
                      <a:pt x="354792" y="648704"/>
                    </a:lnTo>
                    <a:lnTo>
                      <a:pt x="353229" y="649454"/>
                    </a:lnTo>
                    <a:lnTo>
                      <a:pt x="350275" y="650213"/>
                    </a:lnTo>
                    <a:lnTo>
                      <a:pt x="374823" y="658184"/>
                    </a:lnTo>
                    <a:cubicBezTo>
                      <a:pt x="402311" y="664064"/>
                      <a:pt x="429759" y="666944"/>
                      <a:pt x="456843" y="667043"/>
                    </a:cubicBezTo>
                    <a:lnTo>
                      <a:pt x="477710" y="664995"/>
                    </a:lnTo>
                    <a:lnTo>
                      <a:pt x="497638" y="657965"/>
                    </a:lnTo>
                    <a:cubicBezTo>
                      <a:pt x="517167" y="648859"/>
                      <a:pt x="535964" y="637764"/>
                      <a:pt x="553716" y="624695"/>
                    </a:cubicBezTo>
                    <a:lnTo>
                      <a:pt x="577663" y="603006"/>
                    </a:lnTo>
                    <a:lnTo>
                      <a:pt x="520293" y="603697"/>
                    </a:lnTo>
                    <a:close/>
                    <a:moveTo>
                      <a:pt x="316201" y="538143"/>
                    </a:moveTo>
                    <a:lnTo>
                      <a:pt x="275347" y="571060"/>
                    </a:lnTo>
                    <a:lnTo>
                      <a:pt x="231948" y="595887"/>
                    </a:lnTo>
                    <a:lnTo>
                      <a:pt x="296358" y="632709"/>
                    </a:lnTo>
                    <a:lnTo>
                      <a:pt x="317690" y="639634"/>
                    </a:lnTo>
                    <a:lnTo>
                      <a:pt x="332204" y="635897"/>
                    </a:lnTo>
                    <a:lnTo>
                      <a:pt x="328290" y="633270"/>
                    </a:lnTo>
                    <a:cubicBezTo>
                      <a:pt x="316051" y="621087"/>
                      <a:pt x="308481" y="604257"/>
                      <a:pt x="308481" y="585666"/>
                    </a:cubicBezTo>
                    <a:cubicBezTo>
                      <a:pt x="308481" y="576371"/>
                      <a:pt x="310374" y="567516"/>
                      <a:pt x="313796" y="559461"/>
                    </a:cubicBezTo>
                    <a:lnTo>
                      <a:pt x="324802" y="543212"/>
                    </a:lnTo>
                    <a:lnTo>
                      <a:pt x="319552" y="540630"/>
                    </a:lnTo>
                    <a:close/>
                    <a:moveTo>
                      <a:pt x="538682" y="526760"/>
                    </a:moveTo>
                    <a:lnTo>
                      <a:pt x="502253" y="563783"/>
                    </a:lnTo>
                    <a:lnTo>
                      <a:pt x="479974" y="579006"/>
                    </a:lnTo>
                    <a:lnTo>
                      <a:pt x="555317" y="582502"/>
                    </a:lnTo>
                    <a:lnTo>
                      <a:pt x="573402" y="580085"/>
                    </a:lnTo>
                    <a:close/>
                    <a:moveTo>
                      <a:pt x="130738" y="516300"/>
                    </a:moveTo>
                    <a:lnTo>
                      <a:pt x="107672" y="573385"/>
                    </a:lnTo>
                    <a:lnTo>
                      <a:pt x="134967" y="603521"/>
                    </a:lnTo>
                    <a:lnTo>
                      <a:pt x="155115" y="618332"/>
                    </a:lnTo>
                    <a:lnTo>
                      <a:pt x="156019" y="617950"/>
                    </a:lnTo>
                    <a:lnTo>
                      <a:pt x="204793" y="590049"/>
                    </a:lnTo>
                    <a:lnTo>
                      <a:pt x="163347" y="555778"/>
                    </a:lnTo>
                    <a:close/>
                    <a:moveTo>
                      <a:pt x="615643" y="493637"/>
                    </a:moveTo>
                    <a:lnTo>
                      <a:pt x="612283" y="495891"/>
                    </a:lnTo>
                    <a:cubicBezTo>
                      <a:pt x="604192" y="499298"/>
                      <a:pt x="595295" y="501182"/>
                      <a:pt x="585957" y="501182"/>
                    </a:cubicBezTo>
                    <a:lnTo>
                      <a:pt x="567500" y="497473"/>
                    </a:lnTo>
                    <a:lnTo>
                      <a:pt x="543971" y="521386"/>
                    </a:lnTo>
                    <a:lnTo>
                      <a:pt x="582269" y="578902"/>
                    </a:lnTo>
                    <a:lnTo>
                      <a:pt x="606394" y="575678"/>
                    </a:lnTo>
                    <a:lnTo>
                      <a:pt x="625800" y="549279"/>
                    </a:lnTo>
                    <a:lnTo>
                      <a:pt x="620151" y="508473"/>
                    </a:lnTo>
                    <a:close/>
                    <a:moveTo>
                      <a:pt x="201629" y="438704"/>
                    </a:moveTo>
                    <a:lnTo>
                      <a:pt x="192533" y="452135"/>
                    </a:lnTo>
                    <a:cubicBezTo>
                      <a:pt x="183487" y="461140"/>
                      <a:pt x="170989" y="466709"/>
                      <a:pt x="157185" y="466709"/>
                    </a:cubicBezTo>
                    <a:lnTo>
                      <a:pt x="154581" y="466186"/>
                    </a:lnTo>
                    <a:lnTo>
                      <a:pt x="141593" y="489433"/>
                    </a:lnTo>
                    <a:lnTo>
                      <a:pt x="136775" y="501359"/>
                    </a:lnTo>
                    <a:lnTo>
                      <a:pt x="167148" y="540728"/>
                    </a:lnTo>
                    <a:lnTo>
                      <a:pt x="216087" y="583587"/>
                    </a:lnTo>
                    <a:lnTo>
                      <a:pt x="268827" y="553416"/>
                    </a:lnTo>
                    <a:lnTo>
                      <a:pt x="301409" y="527166"/>
                    </a:lnTo>
                    <a:lnTo>
                      <a:pt x="239295" y="481073"/>
                    </a:lnTo>
                    <a:close/>
                    <a:moveTo>
                      <a:pt x="75148" y="424623"/>
                    </a:moveTo>
                    <a:lnTo>
                      <a:pt x="68128" y="517092"/>
                    </a:lnTo>
                    <a:lnTo>
                      <a:pt x="89856" y="553715"/>
                    </a:lnTo>
                    <a:lnTo>
                      <a:pt x="93201" y="557408"/>
                    </a:lnTo>
                    <a:lnTo>
                      <a:pt x="100678" y="537022"/>
                    </a:lnTo>
                    <a:lnTo>
                      <a:pt x="117560" y="500348"/>
                    </a:lnTo>
                    <a:lnTo>
                      <a:pt x="113149" y="495007"/>
                    </a:lnTo>
                    <a:cubicBezTo>
                      <a:pt x="98468" y="473330"/>
                      <a:pt x="85909" y="450339"/>
                      <a:pt x="75692" y="426356"/>
                    </a:cubicBezTo>
                    <a:close/>
                    <a:moveTo>
                      <a:pt x="453263" y="411388"/>
                    </a:moveTo>
                    <a:lnTo>
                      <a:pt x="389873" y="478786"/>
                    </a:lnTo>
                    <a:lnTo>
                      <a:pt x="328297" y="528399"/>
                    </a:lnTo>
                    <a:lnTo>
                      <a:pt x="331685" y="530813"/>
                    </a:lnTo>
                    <a:lnTo>
                      <a:pt x="336204" y="532751"/>
                    </a:lnTo>
                    <a:lnTo>
                      <a:pt x="349788" y="523634"/>
                    </a:lnTo>
                    <a:cubicBezTo>
                      <a:pt x="357880" y="520227"/>
                      <a:pt x="366776" y="518343"/>
                      <a:pt x="376114" y="518343"/>
                    </a:cubicBezTo>
                    <a:cubicBezTo>
                      <a:pt x="404129" y="518343"/>
                      <a:pt x="428165" y="535298"/>
                      <a:pt x="438432" y="559461"/>
                    </a:cubicBezTo>
                    <a:lnTo>
                      <a:pt x="440604" y="570167"/>
                    </a:lnTo>
                    <a:lnTo>
                      <a:pt x="454963" y="573453"/>
                    </a:lnTo>
                    <a:lnTo>
                      <a:pt x="488068" y="550832"/>
                    </a:lnTo>
                    <a:lnTo>
                      <a:pt x="527959" y="510293"/>
                    </a:lnTo>
                    <a:lnTo>
                      <a:pt x="504045" y="473567"/>
                    </a:lnTo>
                    <a:close/>
                    <a:moveTo>
                      <a:pt x="651346" y="349532"/>
                    </a:moveTo>
                    <a:lnTo>
                      <a:pt x="643454" y="380614"/>
                    </a:lnTo>
                    <a:lnTo>
                      <a:pt x="637207" y="391313"/>
                    </a:lnTo>
                    <a:lnTo>
                      <a:pt x="648275" y="407654"/>
                    </a:lnTo>
                    <a:cubicBezTo>
                      <a:pt x="651698" y="415709"/>
                      <a:pt x="653590" y="424564"/>
                      <a:pt x="653590" y="433859"/>
                    </a:cubicBezTo>
                    <a:cubicBezTo>
                      <a:pt x="653590" y="452450"/>
                      <a:pt x="646020" y="469280"/>
                      <a:pt x="633781" y="481464"/>
                    </a:cubicBezTo>
                    <a:lnTo>
                      <a:pt x="624550" y="487659"/>
                    </a:lnTo>
                    <a:lnTo>
                      <a:pt x="638611" y="531850"/>
                    </a:lnTo>
                    <a:lnTo>
                      <a:pt x="643322" y="525441"/>
                    </a:lnTo>
                    <a:lnTo>
                      <a:pt x="659115" y="491310"/>
                    </a:lnTo>
                    <a:lnTo>
                      <a:pt x="663936" y="445312"/>
                    </a:lnTo>
                    <a:cubicBezTo>
                      <a:pt x="663838" y="415662"/>
                      <a:pt x="660529" y="386032"/>
                      <a:pt x="653947" y="356979"/>
                    </a:cubicBezTo>
                    <a:close/>
                    <a:moveTo>
                      <a:pt x="524331" y="319279"/>
                    </a:moveTo>
                    <a:lnTo>
                      <a:pt x="471043" y="392481"/>
                    </a:lnTo>
                    <a:lnTo>
                      <a:pt x="458035" y="406314"/>
                    </a:lnTo>
                    <a:lnTo>
                      <a:pt x="506980" y="465833"/>
                    </a:lnTo>
                    <a:lnTo>
                      <a:pt x="533103" y="505065"/>
                    </a:lnTo>
                    <a:lnTo>
                      <a:pt x="549090" y="488817"/>
                    </a:lnTo>
                    <a:lnTo>
                      <a:pt x="538133" y="481464"/>
                    </a:lnTo>
                    <a:cubicBezTo>
                      <a:pt x="525894" y="469280"/>
                      <a:pt x="518324" y="452450"/>
                      <a:pt x="518324" y="433859"/>
                    </a:cubicBezTo>
                    <a:cubicBezTo>
                      <a:pt x="518324" y="405973"/>
                      <a:pt x="535357" y="382047"/>
                      <a:pt x="559631" y="371827"/>
                    </a:cubicBezTo>
                    <a:lnTo>
                      <a:pt x="567027" y="370340"/>
                    </a:lnTo>
                    <a:lnTo>
                      <a:pt x="561361" y="358622"/>
                    </a:lnTo>
                    <a:lnTo>
                      <a:pt x="534247" y="319439"/>
                    </a:lnTo>
                    <a:lnTo>
                      <a:pt x="529686" y="320355"/>
                    </a:lnTo>
                    <a:close/>
                    <a:moveTo>
                      <a:pt x="114964" y="291459"/>
                    </a:moveTo>
                    <a:lnTo>
                      <a:pt x="100667" y="319901"/>
                    </a:lnTo>
                    <a:lnTo>
                      <a:pt x="78819" y="391679"/>
                    </a:lnTo>
                    <a:lnTo>
                      <a:pt x="83230" y="407279"/>
                    </a:lnTo>
                    <a:cubicBezTo>
                      <a:pt x="92886" y="432094"/>
                      <a:pt x="104846" y="455841"/>
                      <a:pt x="118903" y="478193"/>
                    </a:cubicBezTo>
                    <a:lnTo>
                      <a:pt x="124449" y="485383"/>
                    </a:lnTo>
                    <a:lnTo>
                      <a:pt x="135525" y="461320"/>
                    </a:lnTo>
                    <a:lnTo>
                      <a:pt x="121838" y="452135"/>
                    </a:lnTo>
                    <a:cubicBezTo>
                      <a:pt x="112792" y="443130"/>
                      <a:pt x="107196" y="430690"/>
                      <a:pt x="107196" y="416949"/>
                    </a:cubicBezTo>
                    <a:cubicBezTo>
                      <a:pt x="107196" y="396338"/>
                      <a:pt x="119786" y="378653"/>
                      <a:pt x="137727" y="371099"/>
                    </a:cubicBezTo>
                    <a:lnTo>
                      <a:pt x="151152" y="368402"/>
                    </a:lnTo>
                    <a:lnTo>
                      <a:pt x="125200" y="323068"/>
                    </a:lnTo>
                    <a:close/>
                    <a:moveTo>
                      <a:pt x="304082" y="255373"/>
                    </a:moveTo>
                    <a:lnTo>
                      <a:pt x="252096" y="313710"/>
                    </a:lnTo>
                    <a:lnTo>
                      <a:pt x="197735" y="389444"/>
                    </a:lnTo>
                    <a:lnTo>
                      <a:pt x="203246" y="397580"/>
                    </a:lnTo>
                    <a:cubicBezTo>
                      <a:pt x="205775" y="403533"/>
                      <a:pt x="207174" y="410079"/>
                      <a:pt x="207174" y="416949"/>
                    </a:cubicBezTo>
                    <a:lnTo>
                      <a:pt x="205611" y="424658"/>
                    </a:lnTo>
                    <a:lnTo>
                      <a:pt x="243671" y="468093"/>
                    </a:lnTo>
                    <a:lnTo>
                      <a:pt x="313217" y="517652"/>
                    </a:lnTo>
                    <a:lnTo>
                      <a:pt x="377623" y="465761"/>
                    </a:lnTo>
                    <a:cubicBezTo>
                      <a:pt x="398646" y="445987"/>
                      <a:pt x="418382" y="425593"/>
                      <a:pt x="436779" y="404754"/>
                    </a:cubicBezTo>
                    <a:lnTo>
                      <a:pt x="442266" y="397923"/>
                    </a:lnTo>
                    <a:lnTo>
                      <a:pt x="412554" y="361545"/>
                    </a:lnTo>
                    <a:lnTo>
                      <a:pt x="401880" y="350583"/>
                    </a:lnTo>
                    <a:lnTo>
                      <a:pt x="398709" y="358202"/>
                    </a:lnTo>
                    <a:cubicBezTo>
                      <a:pt x="391007" y="365869"/>
                      <a:pt x="380366" y="370611"/>
                      <a:pt x="368613" y="370611"/>
                    </a:cubicBezTo>
                    <a:cubicBezTo>
                      <a:pt x="345107" y="370611"/>
                      <a:pt x="326051" y="351643"/>
                      <a:pt x="326051" y="328244"/>
                    </a:cubicBezTo>
                    <a:cubicBezTo>
                      <a:pt x="326051" y="316545"/>
                      <a:pt x="330815" y="305953"/>
                      <a:pt x="338518" y="298286"/>
                    </a:cubicBezTo>
                    <a:lnTo>
                      <a:pt x="347393" y="294627"/>
                    </a:lnTo>
                    <a:lnTo>
                      <a:pt x="341132" y="288197"/>
                    </a:lnTo>
                    <a:close/>
                    <a:moveTo>
                      <a:pt x="667370" y="243573"/>
                    </a:moveTo>
                    <a:lnTo>
                      <a:pt x="669797" y="276858"/>
                    </a:lnTo>
                    <a:lnTo>
                      <a:pt x="657009" y="327228"/>
                    </a:lnTo>
                    <a:lnTo>
                      <a:pt x="664540" y="347419"/>
                    </a:lnTo>
                    <a:cubicBezTo>
                      <a:pt x="671983" y="376655"/>
                      <a:pt x="676218" y="406357"/>
                      <a:pt x="677292" y="435974"/>
                    </a:cubicBezTo>
                    <a:lnTo>
                      <a:pt x="676990" y="440247"/>
                    </a:lnTo>
                    <a:lnTo>
                      <a:pt x="685763" y="403940"/>
                    </a:lnTo>
                    <a:cubicBezTo>
                      <a:pt x="691716" y="361759"/>
                      <a:pt x="689518" y="318734"/>
                      <a:pt x="679297" y="277380"/>
                    </a:cubicBezTo>
                    <a:close/>
                    <a:moveTo>
                      <a:pt x="47768" y="239816"/>
                    </a:moveTo>
                    <a:lnTo>
                      <a:pt x="43849" y="248286"/>
                    </a:lnTo>
                    <a:cubicBezTo>
                      <a:pt x="22645" y="309351"/>
                      <a:pt x="19924" y="375139"/>
                      <a:pt x="35255" y="437171"/>
                    </a:cubicBezTo>
                    <a:lnTo>
                      <a:pt x="50922" y="481583"/>
                    </a:lnTo>
                    <a:lnTo>
                      <a:pt x="57677" y="392611"/>
                    </a:lnTo>
                    <a:lnTo>
                      <a:pt x="61334" y="380598"/>
                    </a:lnTo>
                    <a:lnTo>
                      <a:pt x="52281" y="351749"/>
                    </a:lnTo>
                    <a:cubicBezTo>
                      <a:pt x="46964" y="326101"/>
                      <a:pt x="44205" y="299783"/>
                      <a:pt x="44222" y="273115"/>
                    </a:cubicBezTo>
                    <a:close/>
                    <a:moveTo>
                      <a:pt x="585900" y="211697"/>
                    </a:moveTo>
                    <a:lnTo>
                      <a:pt x="569482" y="241976"/>
                    </a:lnTo>
                    <a:lnTo>
                      <a:pt x="575747" y="251226"/>
                    </a:lnTo>
                    <a:cubicBezTo>
                      <a:pt x="578276" y="257179"/>
                      <a:pt x="579675" y="263725"/>
                      <a:pt x="579675" y="270595"/>
                    </a:cubicBezTo>
                    <a:cubicBezTo>
                      <a:pt x="579675" y="291207"/>
                      <a:pt x="567086" y="308891"/>
                      <a:pt x="549144" y="316445"/>
                    </a:cubicBezTo>
                    <a:lnTo>
                      <a:pt x="547889" y="316697"/>
                    </a:lnTo>
                    <a:lnTo>
                      <a:pt x="562398" y="336996"/>
                    </a:lnTo>
                    <a:lnTo>
                      <a:pt x="579134" y="367907"/>
                    </a:lnTo>
                    <a:lnTo>
                      <a:pt x="585957" y="366536"/>
                    </a:lnTo>
                    <a:cubicBezTo>
                      <a:pt x="595295" y="366536"/>
                      <a:pt x="604192" y="368420"/>
                      <a:pt x="612283" y="371827"/>
                    </a:cubicBezTo>
                    <a:lnTo>
                      <a:pt x="621509" y="378019"/>
                    </a:lnTo>
                    <a:lnTo>
                      <a:pt x="622202" y="376832"/>
                    </a:lnTo>
                    <a:lnTo>
                      <a:pt x="638486" y="312699"/>
                    </a:lnTo>
                    <a:lnTo>
                      <a:pt x="624308" y="272094"/>
                    </a:lnTo>
                    <a:close/>
                    <a:moveTo>
                      <a:pt x="388134" y="179850"/>
                    </a:moveTo>
                    <a:lnTo>
                      <a:pt x="376939" y="187786"/>
                    </a:lnTo>
                    <a:cubicBezTo>
                      <a:pt x="355091" y="205319"/>
                      <a:pt x="333606" y="224655"/>
                      <a:pt x="312720" y="245682"/>
                    </a:cubicBezTo>
                    <a:lnTo>
                      <a:pt x="309775" y="248985"/>
                    </a:lnTo>
                    <a:lnTo>
                      <a:pt x="339714" y="275893"/>
                    </a:lnTo>
                    <a:lnTo>
                      <a:pt x="354878" y="291540"/>
                    </a:lnTo>
                    <a:lnTo>
                      <a:pt x="368613" y="285877"/>
                    </a:lnTo>
                    <a:cubicBezTo>
                      <a:pt x="392119" y="285877"/>
                      <a:pt x="411175" y="304845"/>
                      <a:pt x="411175" y="328244"/>
                    </a:cubicBezTo>
                    <a:lnTo>
                      <a:pt x="404950" y="343205"/>
                    </a:lnTo>
                    <a:lnTo>
                      <a:pt x="412779" y="351283"/>
                    </a:lnTo>
                    <a:lnTo>
                      <a:pt x="446647" y="392467"/>
                    </a:lnTo>
                    <a:lnTo>
                      <a:pt x="487912" y="341085"/>
                    </a:lnTo>
                    <a:lnTo>
                      <a:pt x="504608" y="312673"/>
                    </a:lnTo>
                    <a:lnTo>
                      <a:pt x="494339" y="305781"/>
                    </a:lnTo>
                    <a:cubicBezTo>
                      <a:pt x="485292" y="296776"/>
                      <a:pt x="479697" y="284336"/>
                      <a:pt x="479697" y="270595"/>
                    </a:cubicBezTo>
                    <a:lnTo>
                      <a:pt x="482182" y="258345"/>
                    </a:lnTo>
                    <a:lnTo>
                      <a:pt x="427474" y="204358"/>
                    </a:lnTo>
                    <a:close/>
                    <a:moveTo>
                      <a:pt x="199223" y="171542"/>
                    </a:moveTo>
                    <a:lnTo>
                      <a:pt x="135497" y="250607"/>
                    </a:lnTo>
                    <a:lnTo>
                      <a:pt x="123377" y="274720"/>
                    </a:lnTo>
                    <a:lnTo>
                      <a:pt x="134248" y="312031"/>
                    </a:lnTo>
                    <a:lnTo>
                      <a:pt x="165241" y="368808"/>
                    </a:lnTo>
                    <a:lnTo>
                      <a:pt x="176643" y="371099"/>
                    </a:lnTo>
                    <a:lnTo>
                      <a:pt x="184928" y="376660"/>
                    </a:lnTo>
                    <a:lnTo>
                      <a:pt x="239979" y="299965"/>
                    </a:lnTo>
                    <a:lnTo>
                      <a:pt x="290467" y="243311"/>
                    </a:lnTo>
                    <a:lnTo>
                      <a:pt x="268528" y="223873"/>
                    </a:lnTo>
                    <a:lnTo>
                      <a:pt x="248270" y="208577"/>
                    </a:lnTo>
                    <a:lnTo>
                      <a:pt x="241838" y="207284"/>
                    </a:lnTo>
                    <a:cubicBezTo>
                      <a:pt x="233747" y="203878"/>
                      <a:pt x="226460" y="198948"/>
                      <a:pt x="220340" y="192856"/>
                    </a:cubicBezTo>
                    <a:lnTo>
                      <a:pt x="212897" y="181866"/>
                    </a:lnTo>
                    <a:close/>
                    <a:moveTo>
                      <a:pt x="89292" y="164538"/>
                    </a:moveTo>
                    <a:lnTo>
                      <a:pt x="71230" y="189109"/>
                    </a:lnTo>
                    <a:lnTo>
                      <a:pt x="58082" y="217524"/>
                    </a:lnTo>
                    <a:lnTo>
                      <a:pt x="54597" y="248257"/>
                    </a:lnTo>
                    <a:cubicBezTo>
                      <a:pt x="54207" y="276009"/>
                      <a:pt x="56536" y="303358"/>
                      <a:pt x="61377" y="329972"/>
                    </a:cubicBezTo>
                    <a:lnTo>
                      <a:pt x="68776" y="356146"/>
                    </a:lnTo>
                    <a:lnTo>
                      <a:pt x="82317" y="311660"/>
                    </a:lnTo>
                    <a:lnTo>
                      <a:pt x="106151" y="264244"/>
                    </a:lnTo>
                    <a:lnTo>
                      <a:pt x="96528" y="234535"/>
                    </a:lnTo>
                    <a:close/>
                    <a:moveTo>
                      <a:pt x="335438" y="147023"/>
                    </a:moveTo>
                    <a:lnTo>
                      <a:pt x="330482" y="171457"/>
                    </a:lnTo>
                    <a:cubicBezTo>
                      <a:pt x="323638" y="187566"/>
                      <a:pt x="310673" y="200471"/>
                      <a:pt x="294490" y="207284"/>
                    </a:cubicBezTo>
                    <a:lnTo>
                      <a:pt x="269065" y="212394"/>
                    </a:lnTo>
                    <a:lnTo>
                      <a:pt x="296247" y="236824"/>
                    </a:lnTo>
                    <a:lnTo>
                      <a:pt x="303795" y="228353"/>
                    </a:lnTo>
                    <a:lnTo>
                      <a:pt x="370075" y="168602"/>
                    </a:lnTo>
                    <a:close/>
                    <a:moveTo>
                      <a:pt x="610571" y="145240"/>
                    </a:moveTo>
                    <a:lnTo>
                      <a:pt x="591321" y="197895"/>
                    </a:lnTo>
                    <a:lnTo>
                      <a:pt x="632549" y="261660"/>
                    </a:lnTo>
                    <a:lnTo>
                      <a:pt x="643791" y="291798"/>
                    </a:lnTo>
                    <a:lnTo>
                      <a:pt x="647227" y="278269"/>
                    </a:lnTo>
                    <a:lnTo>
                      <a:pt x="640623" y="187681"/>
                    </a:lnTo>
                    <a:lnTo>
                      <a:pt x="624696" y="160835"/>
                    </a:lnTo>
                    <a:close/>
                    <a:moveTo>
                      <a:pt x="123273" y="123877"/>
                    </a:moveTo>
                    <a:lnTo>
                      <a:pt x="111030" y="134966"/>
                    </a:lnTo>
                    <a:lnTo>
                      <a:pt x="103045" y="145830"/>
                    </a:lnTo>
                    <a:lnTo>
                      <a:pt x="108418" y="223381"/>
                    </a:lnTo>
                    <a:lnTo>
                      <a:pt x="115123" y="246394"/>
                    </a:lnTo>
                    <a:lnTo>
                      <a:pt x="118983" y="238715"/>
                    </a:lnTo>
                    <a:cubicBezTo>
                      <a:pt x="129518" y="221576"/>
                      <a:pt x="141031" y="205298"/>
                      <a:pt x="153408" y="189961"/>
                    </a:cubicBezTo>
                    <a:lnTo>
                      <a:pt x="181108" y="159818"/>
                    </a:lnTo>
                    <a:lnTo>
                      <a:pt x="125841" y="125213"/>
                    </a:lnTo>
                    <a:close/>
                    <a:moveTo>
                      <a:pt x="491029" y="116871"/>
                    </a:moveTo>
                    <a:lnTo>
                      <a:pt x="443339" y="140715"/>
                    </a:lnTo>
                    <a:lnTo>
                      <a:pt x="402963" y="169337"/>
                    </a:lnTo>
                    <a:lnTo>
                      <a:pt x="450243" y="204546"/>
                    </a:lnTo>
                    <a:lnTo>
                      <a:pt x="488338" y="244269"/>
                    </a:lnTo>
                    <a:lnTo>
                      <a:pt x="494339" y="235409"/>
                    </a:lnTo>
                    <a:cubicBezTo>
                      <a:pt x="503385" y="226405"/>
                      <a:pt x="515882" y="220835"/>
                      <a:pt x="529686" y="220835"/>
                    </a:cubicBezTo>
                    <a:cubicBezTo>
                      <a:pt x="536588" y="220835"/>
                      <a:pt x="543164" y="222227"/>
                      <a:pt x="549144" y="224745"/>
                    </a:cubicBezTo>
                    <a:lnTo>
                      <a:pt x="554261" y="228179"/>
                    </a:lnTo>
                    <a:lnTo>
                      <a:pt x="564930" y="210023"/>
                    </a:lnTo>
                    <a:lnTo>
                      <a:pt x="571873" y="191034"/>
                    </a:lnTo>
                    <a:lnTo>
                      <a:pt x="535575" y="152338"/>
                    </a:lnTo>
                    <a:cubicBezTo>
                      <a:pt x="521766" y="139583"/>
                      <a:pt x="507209" y="127955"/>
                      <a:pt x="492030" y="117465"/>
                    </a:cubicBezTo>
                    <a:close/>
                    <a:moveTo>
                      <a:pt x="149397" y="100216"/>
                    </a:moveTo>
                    <a:lnTo>
                      <a:pt x="133681" y="114451"/>
                    </a:lnTo>
                    <a:lnTo>
                      <a:pt x="189461" y="150730"/>
                    </a:lnTo>
                    <a:lnTo>
                      <a:pt x="193017" y="146860"/>
                    </a:lnTo>
                    <a:lnTo>
                      <a:pt x="201456" y="140692"/>
                    </a:lnTo>
                    <a:lnTo>
                      <a:pt x="205846" y="119047"/>
                    </a:lnTo>
                    <a:lnTo>
                      <a:pt x="214270" y="106610"/>
                    </a:lnTo>
                    <a:close/>
                    <a:moveTo>
                      <a:pt x="551006" y="90021"/>
                    </a:moveTo>
                    <a:lnTo>
                      <a:pt x="532814" y="95982"/>
                    </a:lnTo>
                    <a:lnTo>
                      <a:pt x="504524" y="110125"/>
                    </a:lnTo>
                    <a:lnTo>
                      <a:pt x="529575" y="128577"/>
                    </a:lnTo>
                    <a:lnTo>
                      <a:pt x="576789" y="177584"/>
                    </a:lnTo>
                    <a:lnTo>
                      <a:pt x="594929" y="127970"/>
                    </a:lnTo>
                    <a:lnTo>
                      <a:pt x="579586" y="111030"/>
                    </a:lnTo>
                    <a:close/>
                    <a:moveTo>
                      <a:pt x="383383" y="66055"/>
                    </a:moveTo>
                    <a:lnTo>
                      <a:pt x="309627" y="93378"/>
                    </a:lnTo>
                    <a:lnTo>
                      <a:pt x="315988" y="97648"/>
                    </a:lnTo>
                    <a:cubicBezTo>
                      <a:pt x="322108" y="103739"/>
                      <a:pt x="327060" y="110993"/>
                      <a:pt x="330482" y="119047"/>
                    </a:cubicBezTo>
                    <a:lnTo>
                      <a:pt x="331969" y="126377"/>
                    </a:lnTo>
                    <a:lnTo>
                      <a:pt x="374074" y="147823"/>
                    </a:lnTo>
                    <a:lnTo>
                      <a:pt x="386244" y="156886"/>
                    </a:lnTo>
                    <a:lnTo>
                      <a:pt x="441299" y="117856"/>
                    </a:lnTo>
                    <a:lnTo>
                      <a:pt x="469184" y="103915"/>
                    </a:lnTo>
                    <a:lnTo>
                      <a:pt x="444756" y="89425"/>
                    </a:lnTo>
                    <a:cubicBezTo>
                      <a:pt x="428460" y="81224"/>
                      <a:pt x="411670" y="74174"/>
                      <a:pt x="394511" y="68285"/>
                    </a:cubicBezTo>
                    <a:close/>
                    <a:moveTo>
                      <a:pt x="494347" y="56841"/>
                    </a:moveTo>
                    <a:lnTo>
                      <a:pt x="422186" y="60928"/>
                    </a:lnTo>
                    <a:lnTo>
                      <a:pt x="471636" y="85897"/>
                    </a:lnTo>
                    <a:lnTo>
                      <a:pt x="485214" y="95900"/>
                    </a:lnTo>
                    <a:lnTo>
                      <a:pt x="529133" y="73942"/>
                    </a:lnTo>
                    <a:lnTo>
                      <a:pt x="525442" y="71229"/>
                    </a:lnTo>
                    <a:close/>
                    <a:moveTo>
                      <a:pt x="288153" y="46979"/>
                    </a:moveTo>
                    <a:lnTo>
                      <a:pt x="234166" y="50500"/>
                    </a:lnTo>
                    <a:lnTo>
                      <a:pt x="216915" y="56586"/>
                    </a:lnTo>
                    <a:lnTo>
                      <a:pt x="182785" y="76834"/>
                    </a:lnTo>
                    <a:lnTo>
                      <a:pt x="209134" y="80986"/>
                    </a:lnTo>
                    <a:lnTo>
                      <a:pt x="233927" y="88530"/>
                    </a:lnTo>
                    <a:lnTo>
                      <a:pt x="241838" y="83220"/>
                    </a:lnTo>
                    <a:cubicBezTo>
                      <a:pt x="249930" y="79813"/>
                      <a:pt x="258826" y="77929"/>
                      <a:pt x="268164" y="77929"/>
                    </a:cubicBezTo>
                    <a:lnTo>
                      <a:pt x="283200" y="80951"/>
                    </a:lnTo>
                    <a:lnTo>
                      <a:pt x="285081" y="79576"/>
                    </a:lnTo>
                    <a:lnTo>
                      <a:pt x="343270" y="58020"/>
                    </a:lnTo>
                    <a:close/>
                    <a:moveTo>
                      <a:pt x="340351" y="25957"/>
                    </a:moveTo>
                    <a:lnTo>
                      <a:pt x="313464" y="29926"/>
                    </a:lnTo>
                    <a:lnTo>
                      <a:pt x="342538" y="33543"/>
                    </a:lnTo>
                    <a:lnTo>
                      <a:pt x="378845" y="44841"/>
                    </a:lnTo>
                    <a:lnTo>
                      <a:pt x="389757" y="40799"/>
                    </a:lnTo>
                    <a:lnTo>
                      <a:pt x="441514" y="37867"/>
                    </a:lnTo>
                    <a:lnTo>
                      <a:pt x="403941" y="28789"/>
                    </a:lnTo>
                    <a:cubicBezTo>
                      <a:pt x="382850" y="25813"/>
                      <a:pt x="361548" y="24873"/>
                      <a:pt x="340351" y="25957"/>
                    </a:cubicBezTo>
                    <a:close/>
                    <a:moveTo>
                      <a:pt x="356186" y="2"/>
                    </a:moveTo>
                    <a:cubicBezTo>
                      <a:pt x="441923" y="-286"/>
                      <a:pt x="528035" y="30105"/>
                      <a:pt x="596689" y="92086"/>
                    </a:cubicBezTo>
                    <a:lnTo>
                      <a:pt x="616572" y="114039"/>
                    </a:lnTo>
                    <a:lnTo>
                      <a:pt x="620730" y="116955"/>
                    </a:lnTo>
                    <a:lnTo>
                      <a:pt x="620423" y="118290"/>
                    </a:lnTo>
                    <a:lnTo>
                      <a:pt x="645269" y="145724"/>
                    </a:lnTo>
                    <a:lnTo>
                      <a:pt x="658367" y="167801"/>
                    </a:lnTo>
                    <a:lnTo>
                      <a:pt x="660378" y="166925"/>
                    </a:lnTo>
                    <a:lnTo>
                      <a:pt x="662200" y="172636"/>
                    </a:lnTo>
                    <a:lnTo>
                      <a:pt x="662335" y="174488"/>
                    </a:lnTo>
                    <a:lnTo>
                      <a:pt x="681099" y="206115"/>
                    </a:lnTo>
                    <a:cubicBezTo>
                      <a:pt x="720323" y="290240"/>
                      <a:pt x="725264" y="386966"/>
                      <a:pt x="694817" y="474650"/>
                    </a:cubicBezTo>
                    <a:lnTo>
                      <a:pt x="670187" y="527879"/>
                    </a:lnTo>
                    <a:lnTo>
                      <a:pt x="669572" y="530550"/>
                    </a:lnTo>
                    <a:lnTo>
                      <a:pt x="668813" y="532071"/>
                    </a:lnTo>
                    <a:lnTo>
                      <a:pt x="666674" y="535472"/>
                    </a:lnTo>
                    <a:lnTo>
                      <a:pt x="665329" y="538379"/>
                    </a:lnTo>
                    <a:lnTo>
                      <a:pt x="661969" y="542950"/>
                    </a:lnTo>
                    <a:lnTo>
                      <a:pt x="650198" y="561656"/>
                    </a:lnTo>
                    <a:lnTo>
                      <a:pt x="645757" y="567383"/>
                    </a:lnTo>
                    <a:lnTo>
                      <a:pt x="646743" y="563662"/>
                    </a:lnTo>
                    <a:lnTo>
                      <a:pt x="643528" y="568036"/>
                    </a:lnTo>
                    <a:lnTo>
                      <a:pt x="643635" y="568822"/>
                    </a:lnTo>
                    <a:lnTo>
                      <a:pt x="644920" y="568464"/>
                    </a:lnTo>
                    <a:lnTo>
                      <a:pt x="628953" y="589050"/>
                    </a:lnTo>
                    <a:lnTo>
                      <a:pt x="625015" y="593221"/>
                    </a:lnTo>
                    <a:lnTo>
                      <a:pt x="622466" y="596688"/>
                    </a:lnTo>
                    <a:lnTo>
                      <a:pt x="602356" y="614903"/>
                    </a:lnTo>
                    <a:lnTo>
                      <a:pt x="603020" y="616094"/>
                    </a:lnTo>
                    <a:lnTo>
                      <a:pt x="596409" y="621868"/>
                    </a:lnTo>
                    <a:lnTo>
                      <a:pt x="595837" y="620806"/>
                    </a:lnTo>
                    <a:lnTo>
                      <a:pt x="568829" y="645269"/>
                    </a:lnTo>
                    <a:lnTo>
                      <a:pt x="551809" y="655367"/>
                    </a:lnTo>
                    <a:lnTo>
                      <a:pt x="554292" y="654736"/>
                    </a:lnTo>
                    <a:lnTo>
                      <a:pt x="551567" y="656691"/>
                    </a:lnTo>
                    <a:cubicBezTo>
                      <a:pt x="541974" y="662903"/>
                      <a:pt x="532084" y="668657"/>
                      <a:pt x="521934" y="673931"/>
                    </a:cubicBezTo>
                    <a:lnTo>
                      <a:pt x="515614" y="676839"/>
                    </a:lnTo>
                    <a:lnTo>
                      <a:pt x="508436" y="681098"/>
                    </a:lnTo>
                    <a:cubicBezTo>
                      <a:pt x="382250" y="739934"/>
                      <a:pt x="227709" y="721633"/>
                      <a:pt x="117864" y="622466"/>
                    </a:cubicBezTo>
                    <a:lnTo>
                      <a:pt x="87593" y="589044"/>
                    </a:lnTo>
                    <a:lnTo>
                      <a:pt x="81891" y="588244"/>
                    </a:lnTo>
                    <a:lnTo>
                      <a:pt x="83326" y="584333"/>
                    </a:lnTo>
                    <a:lnTo>
                      <a:pt x="69282" y="568828"/>
                    </a:lnTo>
                    <a:cubicBezTo>
                      <a:pt x="-15162" y="454121"/>
                      <a:pt x="-23092" y="298887"/>
                      <a:pt x="49224" y="176173"/>
                    </a:cubicBezTo>
                    <a:lnTo>
                      <a:pt x="61800" y="159064"/>
                    </a:lnTo>
                    <a:lnTo>
                      <a:pt x="63093" y="154269"/>
                    </a:lnTo>
                    <a:lnTo>
                      <a:pt x="64558" y="151941"/>
                    </a:lnTo>
                    <a:lnTo>
                      <a:pt x="68847" y="146412"/>
                    </a:lnTo>
                    <a:lnTo>
                      <a:pt x="67570" y="151215"/>
                    </a:lnTo>
                    <a:lnTo>
                      <a:pt x="88322" y="122985"/>
                    </a:lnTo>
                    <a:lnTo>
                      <a:pt x="88384" y="121815"/>
                    </a:lnTo>
                    <a:lnTo>
                      <a:pt x="91983" y="118005"/>
                    </a:lnTo>
                    <a:lnTo>
                      <a:pt x="92086" y="117863"/>
                    </a:lnTo>
                    <a:lnTo>
                      <a:pt x="92290" y="117679"/>
                    </a:lnTo>
                    <a:lnTo>
                      <a:pt x="98575" y="111021"/>
                    </a:lnTo>
                    <a:lnTo>
                      <a:pt x="98574" y="111021"/>
                    </a:lnTo>
                    <a:lnTo>
                      <a:pt x="109194" y="99775"/>
                    </a:lnTo>
                    <a:lnTo>
                      <a:pt x="110978" y="100753"/>
                    </a:lnTo>
                    <a:lnTo>
                      <a:pt x="114309" y="97735"/>
                    </a:lnTo>
                    <a:lnTo>
                      <a:pt x="111203" y="97969"/>
                    </a:lnTo>
                    <a:lnTo>
                      <a:pt x="135331" y="76894"/>
                    </a:lnTo>
                    <a:lnTo>
                      <a:pt x="141004" y="72824"/>
                    </a:lnTo>
                    <a:lnTo>
                      <a:pt x="141764" y="72869"/>
                    </a:lnTo>
                    <a:lnTo>
                      <a:pt x="145724" y="69282"/>
                    </a:lnTo>
                    <a:lnTo>
                      <a:pt x="165762" y="57395"/>
                    </a:lnTo>
                    <a:lnTo>
                      <a:pt x="160785" y="58633"/>
                    </a:lnTo>
                    <a:lnTo>
                      <a:pt x="163189" y="56907"/>
                    </a:lnTo>
                    <a:lnTo>
                      <a:pt x="190471" y="42735"/>
                    </a:lnTo>
                    <a:lnTo>
                      <a:pt x="206116" y="33453"/>
                    </a:lnTo>
                    <a:lnTo>
                      <a:pt x="213043" y="31009"/>
                    </a:lnTo>
                    <a:lnTo>
                      <a:pt x="224021" y="25307"/>
                    </a:lnTo>
                    <a:lnTo>
                      <a:pt x="225919" y="24646"/>
                    </a:lnTo>
                    <a:lnTo>
                      <a:pt x="231396" y="24535"/>
                    </a:lnTo>
                    <a:lnTo>
                      <a:pt x="271235" y="10481"/>
                    </a:lnTo>
                    <a:cubicBezTo>
                      <a:pt x="299070" y="3602"/>
                      <a:pt x="327607" y="97"/>
                      <a:pt x="356186" y="2"/>
                    </a:cubicBezTo>
                    <a:close/>
                  </a:path>
                </a:pathLst>
              </a:custGeom>
              <a:grpFill/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wrap="square" lIns="45719" tIns="45719" rIns="45719" bIns="45719" rtlCol="0" anchor="ctr">
                <a:noAutofit/>
              </a:bodyPr>
              <a:lstStyle/>
              <a:p>
                <a:pPr algn="ctr"/>
                <a:endParaRPr lang="en-US" sz="1000" dirty="0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4" name="Rectangle 3">
              <a:extLst>
                <a:ext uri="{FF2B5EF4-FFF2-40B4-BE49-F238E27FC236}">
                  <a16:creationId xmlns:a16="http://schemas.microsoft.com/office/drawing/2014/main" id="{3096E6B8-0C3A-074B-9B2D-26F21ABC1121}"/>
                </a:ext>
              </a:extLst>
            </p:cNvPr>
            <p:cNvSpPr/>
            <p:nvPr/>
          </p:nvSpPr>
          <p:spPr>
            <a:xfrm>
              <a:off x="2051522" y="1269872"/>
              <a:ext cx="3262601" cy="834389"/>
            </a:xfrm>
            <a:prstGeom prst="rect">
              <a:avLst/>
            </a:prstGeom>
            <a:noFill/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189547" tIns="31592" rIns="63182" bIns="31592" rtlCol="0" anchor="ctr" anchorCtr="0"/>
            <a:lstStyle/>
            <a:p>
              <a:r>
                <a:rPr lang="en-GB" sz="2300" b="1" dirty="0">
                  <a:solidFill>
                    <a:srgbClr val="009051"/>
                  </a:solidFill>
                </a:rPr>
                <a:t>Family Offices and HNIs</a:t>
              </a:r>
            </a:p>
          </p:txBody>
        </p:sp>
        <p:sp>
          <p:nvSpPr>
            <p:cNvPr id="5" name="KMA6C131B">
              <a:extLst>
                <a:ext uri="{FF2B5EF4-FFF2-40B4-BE49-F238E27FC236}">
                  <a16:creationId xmlns:a16="http://schemas.microsoft.com/office/drawing/2014/main" id="{1FD0D14B-3CC5-914E-9AFF-1FC38CB10149}"/>
                </a:ext>
              </a:extLst>
            </p:cNvPr>
            <p:cNvSpPr>
              <a:spLocks noChangeArrowheads="1"/>
            </p:cNvSpPr>
            <p:nvPr>
              <p:custDataLst>
                <p:tags r:id="rId8"/>
              </p:custDataLst>
            </p:nvPr>
          </p:nvSpPr>
          <p:spPr bwMode="auto">
            <a:xfrm>
              <a:off x="5314123" y="1211281"/>
              <a:ext cx="7500728" cy="1057588"/>
            </a:xfrm>
            <a:prstGeom prst="rect">
              <a:avLst/>
            </a:prstGeom>
            <a:noFill/>
          </p:spPr>
          <p:txBody>
            <a:bodyPr wrap="square" lIns="36000" tIns="36000" rIns="36000" bIns="36000" rtlCol="0">
              <a:spAutoFit/>
            </a:bodyPr>
            <a:lstStyle/>
            <a:p>
              <a:pPr marL="285750" indent="-285750">
                <a:buFont typeface="Arial" panose="020B0604020202020204" pitchFamily="34" charset="0"/>
                <a:buChar char="•"/>
              </a:pPr>
              <a:r>
                <a:rPr lang="en-US" sz="1600" dirty="0"/>
                <a:t>&gt;24% family offices in US allocate 17% on average to impact investment with greater flexibility for innovative financial instruments</a:t>
              </a:r>
            </a:p>
            <a:p>
              <a:pPr marL="285750" indent="-285750">
                <a:buFont typeface="Arial" panose="020B0604020202020204" pitchFamily="34" charset="0"/>
                <a:buChar char="•"/>
              </a:pPr>
              <a:r>
                <a:rPr lang="en-US" sz="1600" dirty="0"/>
                <a:t>Impact investing helps families across generations bond on values increasing chances of inter-generational wealth transfer</a:t>
              </a:r>
            </a:p>
          </p:txBody>
        </p:sp>
        <p:pic>
          <p:nvPicPr>
            <p:cNvPr id="9" name="Picture 8">
              <a:extLst>
                <a:ext uri="{FF2B5EF4-FFF2-40B4-BE49-F238E27FC236}">
                  <a16:creationId xmlns:a16="http://schemas.microsoft.com/office/drawing/2014/main" id="{64A55B86-DA0C-B442-983A-8EBB3E947BB9}"/>
                </a:ext>
              </a:extLst>
            </p:cNvPr>
            <p:cNvPicPr>
              <a:picLocks noChangeAspect="1"/>
            </p:cNvPicPr>
            <p:nvPr/>
          </p:nvPicPr>
          <p:blipFill>
            <a:blip r:embed="rId11">
              <a:lum bright="70000" contrast="-70000"/>
            </a:blip>
            <a:stretch>
              <a:fillRect/>
            </a:stretch>
          </p:blipFill>
          <p:spPr>
            <a:xfrm>
              <a:off x="785974" y="1298020"/>
              <a:ext cx="834389" cy="834389"/>
            </a:xfrm>
            <a:prstGeom prst="rect">
              <a:avLst/>
            </a:prstGeom>
          </p:spPr>
        </p:pic>
      </p:grpSp>
      <p:sp>
        <p:nvSpPr>
          <p:cNvPr id="42" name="Rectangle 41">
            <a:extLst>
              <a:ext uri="{FF2B5EF4-FFF2-40B4-BE49-F238E27FC236}">
                <a16:creationId xmlns:a16="http://schemas.microsoft.com/office/drawing/2014/main" id="{9BE27EC6-FB36-1048-893F-B5D205CCA89A}"/>
              </a:ext>
            </a:extLst>
          </p:cNvPr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cxnSp>
        <p:nvCxnSpPr>
          <p:cNvPr id="18" name="Straight Connector 17">
            <a:extLst>
              <a:ext uri="{FF2B5EF4-FFF2-40B4-BE49-F238E27FC236}">
                <a16:creationId xmlns:a16="http://schemas.microsoft.com/office/drawing/2014/main" id="{5B66D38A-6CFA-264E-8CE9-D65C0FD63543}"/>
              </a:ext>
            </a:extLst>
          </p:cNvPr>
          <p:cNvCxnSpPr/>
          <p:nvPr/>
        </p:nvCxnSpPr>
        <p:spPr>
          <a:xfrm>
            <a:off x="436071" y="4188999"/>
            <a:ext cx="12168000" cy="0"/>
          </a:xfrm>
          <a:prstGeom prst="line">
            <a:avLst/>
          </a:prstGeom>
          <a:ln w="19050">
            <a:solidFill>
              <a:srgbClr val="009051"/>
            </a:solidFill>
            <a:prstDash val="lg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53" name="Group 52">
            <a:extLst>
              <a:ext uri="{FF2B5EF4-FFF2-40B4-BE49-F238E27FC236}">
                <a16:creationId xmlns:a16="http://schemas.microsoft.com/office/drawing/2014/main" id="{15077D69-2B6F-AC41-846B-DF558F8A75DB}"/>
              </a:ext>
            </a:extLst>
          </p:cNvPr>
          <p:cNvGrpSpPr/>
          <p:nvPr/>
        </p:nvGrpSpPr>
        <p:grpSpPr>
          <a:xfrm>
            <a:off x="636732" y="2958148"/>
            <a:ext cx="12021649" cy="1057588"/>
            <a:chOff x="636732" y="2843296"/>
            <a:chExt cx="12151682" cy="1057588"/>
          </a:xfrm>
        </p:grpSpPr>
        <p:grpSp>
          <p:nvGrpSpPr>
            <p:cNvPr id="13" name="Group 12">
              <a:extLst>
                <a:ext uri="{FF2B5EF4-FFF2-40B4-BE49-F238E27FC236}">
                  <a16:creationId xmlns:a16="http://schemas.microsoft.com/office/drawing/2014/main" id="{10DDB0DD-673F-2B43-ADF5-F277E6212C73}"/>
                </a:ext>
              </a:extLst>
            </p:cNvPr>
            <p:cNvGrpSpPr>
              <a:grpSpLocks/>
            </p:cNvGrpSpPr>
            <p:nvPr>
              <p:custDataLst>
                <p:tags r:id="rId5"/>
              </p:custDataLst>
            </p:nvPr>
          </p:nvGrpSpPr>
          <p:grpSpPr>
            <a:xfrm>
              <a:off x="636732" y="2854995"/>
              <a:ext cx="1072866" cy="992881"/>
              <a:chOff x="398969" y="2059422"/>
              <a:chExt cx="1378857" cy="1378857"/>
            </a:xfrm>
            <a:solidFill>
              <a:srgbClr val="009051"/>
            </a:solidFill>
          </p:grpSpPr>
          <p:sp>
            <p:nvSpPr>
              <p:cNvPr id="14" name="Oval 13">
                <a:extLst>
                  <a:ext uri="{FF2B5EF4-FFF2-40B4-BE49-F238E27FC236}">
                    <a16:creationId xmlns:a16="http://schemas.microsoft.com/office/drawing/2014/main" id="{48D956C2-BE82-724E-B9F1-7F44A21284CB}"/>
                  </a:ext>
                </a:extLst>
              </p:cNvPr>
              <p:cNvSpPr/>
              <p:nvPr/>
            </p:nvSpPr>
            <p:spPr>
              <a:xfrm>
                <a:off x="398969" y="2059422"/>
                <a:ext cx="1378857" cy="1378857"/>
              </a:xfrm>
              <a:prstGeom prst="ellipse">
                <a:avLst/>
              </a:prstGeom>
              <a:grpFill/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45719" tIns="45719" rIns="45719" bIns="45719" rtlCol="0" anchor="ctr"/>
              <a:lstStyle/>
              <a:p>
                <a:pPr algn="ctr"/>
                <a:endParaRPr lang="en-US" sz="2000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15" name="Freeform 14">
                <a:extLst>
                  <a:ext uri="{FF2B5EF4-FFF2-40B4-BE49-F238E27FC236}">
                    <a16:creationId xmlns:a16="http://schemas.microsoft.com/office/drawing/2014/main" id="{DAD3BF05-ABE4-4246-A9FB-8D268E3AF385}"/>
                  </a:ext>
                </a:extLst>
              </p:cNvPr>
              <p:cNvSpPr/>
              <p:nvPr/>
            </p:nvSpPr>
            <p:spPr>
              <a:xfrm>
                <a:off x="582901" y="2243353"/>
                <a:ext cx="1010993" cy="1010993"/>
              </a:xfrm>
              <a:custGeom>
                <a:avLst/>
                <a:gdLst>
                  <a:gd name="connsiteX0" fmla="*/ 328118 w 714552"/>
                  <a:gd name="connsiteY0" fmla="*/ 655919 h 714551"/>
                  <a:gd name="connsiteX1" fmla="*/ 259850 w 714552"/>
                  <a:gd name="connsiteY1" fmla="*/ 673497 h 714551"/>
                  <a:gd name="connsiteX2" fmla="*/ 310612 w 714552"/>
                  <a:gd name="connsiteY2" fmla="*/ 685762 h 714551"/>
                  <a:gd name="connsiteX3" fmla="*/ 437172 w 714552"/>
                  <a:gd name="connsiteY3" fmla="*/ 679297 h 714551"/>
                  <a:gd name="connsiteX4" fmla="*/ 446149 w 714552"/>
                  <a:gd name="connsiteY4" fmla="*/ 676129 h 714551"/>
                  <a:gd name="connsiteX5" fmla="*/ 377337 w 714552"/>
                  <a:gd name="connsiteY5" fmla="*/ 671533 h 714551"/>
                  <a:gd name="connsiteX6" fmla="*/ 220072 w 714552"/>
                  <a:gd name="connsiteY6" fmla="*/ 602681 h 714551"/>
                  <a:gd name="connsiteX7" fmla="*/ 171570 w 714552"/>
                  <a:gd name="connsiteY7" fmla="*/ 630428 h 714551"/>
                  <a:gd name="connsiteX8" fmla="*/ 189111 w 714552"/>
                  <a:gd name="connsiteY8" fmla="*/ 643321 h 714551"/>
                  <a:gd name="connsiteX9" fmla="*/ 229960 w 714552"/>
                  <a:gd name="connsiteY9" fmla="*/ 662222 h 714551"/>
                  <a:gd name="connsiteX10" fmla="*/ 295577 w 714552"/>
                  <a:gd name="connsiteY10" fmla="*/ 645328 h 714551"/>
                  <a:gd name="connsiteX11" fmla="*/ 224981 w 714552"/>
                  <a:gd name="connsiteY11" fmla="*/ 606740 h 714551"/>
                  <a:gd name="connsiteX12" fmla="*/ 457428 w 714552"/>
                  <a:gd name="connsiteY12" fmla="*/ 594412 h 714551"/>
                  <a:gd name="connsiteX13" fmla="*/ 439487 w 714552"/>
                  <a:gd name="connsiteY13" fmla="*/ 606671 h 714551"/>
                  <a:gd name="connsiteX14" fmla="*/ 438432 w 714552"/>
                  <a:gd name="connsiteY14" fmla="*/ 611871 h 714551"/>
                  <a:gd name="connsiteX15" fmla="*/ 376114 w 714552"/>
                  <a:gd name="connsiteY15" fmla="*/ 652989 h 714551"/>
                  <a:gd name="connsiteX16" fmla="*/ 354792 w 714552"/>
                  <a:gd name="connsiteY16" fmla="*/ 648704 h 714551"/>
                  <a:gd name="connsiteX17" fmla="*/ 353229 w 714552"/>
                  <a:gd name="connsiteY17" fmla="*/ 649454 h 714551"/>
                  <a:gd name="connsiteX18" fmla="*/ 350275 w 714552"/>
                  <a:gd name="connsiteY18" fmla="*/ 650213 h 714551"/>
                  <a:gd name="connsiteX19" fmla="*/ 374823 w 714552"/>
                  <a:gd name="connsiteY19" fmla="*/ 658184 h 714551"/>
                  <a:gd name="connsiteX20" fmla="*/ 456843 w 714552"/>
                  <a:gd name="connsiteY20" fmla="*/ 667043 h 714551"/>
                  <a:gd name="connsiteX21" fmla="*/ 477710 w 714552"/>
                  <a:gd name="connsiteY21" fmla="*/ 664995 h 714551"/>
                  <a:gd name="connsiteX22" fmla="*/ 497638 w 714552"/>
                  <a:gd name="connsiteY22" fmla="*/ 657965 h 714551"/>
                  <a:gd name="connsiteX23" fmla="*/ 553716 w 714552"/>
                  <a:gd name="connsiteY23" fmla="*/ 624695 h 714551"/>
                  <a:gd name="connsiteX24" fmla="*/ 577663 w 714552"/>
                  <a:gd name="connsiteY24" fmla="*/ 603006 h 714551"/>
                  <a:gd name="connsiteX25" fmla="*/ 520293 w 714552"/>
                  <a:gd name="connsiteY25" fmla="*/ 603697 h 714551"/>
                  <a:gd name="connsiteX26" fmla="*/ 316201 w 714552"/>
                  <a:gd name="connsiteY26" fmla="*/ 538143 h 714551"/>
                  <a:gd name="connsiteX27" fmla="*/ 275347 w 714552"/>
                  <a:gd name="connsiteY27" fmla="*/ 571060 h 714551"/>
                  <a:gd name="connsiteX28" fmla="*/ 231948 w 714552"/>
                  <a:gd name="connsiteY28" fmla="*/ 595887 h 714551"/>
                  <a:gd name="connsiteX29" fmla="*/ 296358 w 714552"/>
                  <a:gd name="connsiteY29" fmla="*/ 632709 h 714551"/>
                  <a:gd name="connsiteX30" fmla="*/ 317690 w 714552"/>
                  <a:gd name="connsiteY30" fmla="*/ 639634 h 714551"/>
                  <a:gd name="connsiteX31" fmla="*/ 332204 w 714552"/>
                  <a:gd name="connsiteY31" fmla="*/ 635897 h 714551"/>
                  <a:gd name="connsiteX32" fmla="*/ 328290 w 714552"/>
                  <a:gd name="connsiteY32" fmla="*/ 633270 h 714551"/>
                  <a:gd name="connsiteX33" fmla="*/ 308481 w 714552"/>
                  <a:gd name="connsiteY33" fmla="*/ 585666 h 714551"/>
                  <a:gd name="connsiteX34" fmla="*/ 313796 w 714552"/>
                  <a:gd name="connsiteY34" fmla="*/ 559461 h 714551"/>
                  <a:gd name="connsiteX35" fmla="*/ 324802 w 714552"/>
                  <a:gd name="connsiteY35" fmla="*/ 543212 h 714551"/>
                  <a:gd name="connsiteX36" fmla="*/ 319552 w 714552"/>
                  <a:gd name="connsiteY36" fmla="*/ 540630 h 714551"/>
                  <a:gd name="connsiteX37" fmla="*/ 538682 w 714552"/>
                  <a:gd name="connsiteY37" fmla="*/ 526760 h 714551"/>
                  <a:gd name="connsiteX38" fmla="*/ 502253 w 714552"/>
                  <a:gd name="connsiteY38" fmla="*/ 563783 h 714551"/>
                  <a:gd name="connsiteX39" fmla="*/ 479974 w 714552"/>
                  <a:gd name="connsiteY39" fmla="*/ 579006 h 714551"/>
                  <a:gd name="connsiteX40" fmla="*/ 555317 w 714552"/>
                  <a:gd name="connsiteY40" fmla="*/ 582502 h 714551"/>
                  <a:gd name="connsiteX41" fmla="*/ 573402 w 714552"/>
                  <a:gd name="connsiteY41" fmla="*/ 580085 h 714551"/>
                  <a:gd name="connsiteX42" fmla="*/ 130738 w 714552"/>
                  <a:gd name="connsiteY42" fmla="*/ 516300 h 714551"/>
                  <a:gd name="connsiteX43" fmla="*/ 107672 w 714552"/>
                  <a:gd name="connsiteY43" fmla="*/ 573385 h 714551"/>
                  <a:gd name="connsiteX44" fmla="*/ 134967 w 714552"/>
                  <a:gd name="connsiteY44" fmla="*/ 603521 h 714551"/>
                  <a:gd name="connsiteX45" fmla="*/ 155115 w 714552"/>
                  <a:gd name="connsiteY45" fmla="*/ 618332 h 714551"/>
                  <a:gd name="connsiteX46" fmla="*/ 156019 w 714552"/>
                  <a:gd name="connsiteY46" fmla="*/ 617950 h 714551"/>
                  <a:gd name="connsiteX47" fmla="*/ 204793 w 714552"/>
                  <a:gd name="connsiteY47" fmla="*/ 590049 h 714551"/>
                  <a:gd name="connsiteX48" fmla="*/ 163347 w 714552"/>
                  <a:gd name="connsiteY48" fmla="*/ 555778 h 714551"/>
                  <a:gd name="connsiteX49" fmla="*/ 615643 w 714552"/>
                  <a:gd name="connsiteY49" fmla="*/ 493637 h 714551"/>
                  <a:gd name="connsiteX50" fmla="*/ 612283 w 714552"/>
                  <a:gd name="connsiteY50" fmla="*/ 495891 h 714551"/>
                  <a:gd name="connsiteX51" fmla="*/ 585957 w 714552"/>
                  <a:gd name="connsiteY51" fmla="*/ 501182 h 714551"/>
                  <a:gd name="connsiteX52" fmla="*/ 567500 w 714552"/>
                  <a:gd name="connsiteY52" fmla="*/ 497473 h 714551"/>
                  <a:gd name="connsiteX53" fmla="*/ 543971 w 714552"/>
                  <a:gd name="connsiteY53" fmla="*/ 521386 h 714551"/>
                  <a:gd name="connsiteX54" fmla="*/ 582269 w 714552"/>
                  <a:gd name="connsiteY54" fmla="*/ 578902 h 714551"/>
                  <a:gd name="connsiteX55" fmla="*/ 606394 w 714552"/>
                  <a:gd name="connsiteY55" fmla="*/ 575678 h 714551"/>
                  <a:gd name="connsiteX56" fmla="*/ 625800 w 714552"/>
                  <a:gd name="connsiteY56" fmla="*/ 549279 h 714551"/>
                  <a:gd name="connsiteX57" fmla="*/ 620151 w 714552"/>
                  <a:gd name="connsiteY57" fmla="*/ 508473 h 714551"/>
                  <a:gd name="connsiteX58" fmla="*/ 201629 w 714552"/>
                  <a:gd name="connsiteY58" fmla="*/ 438704 h 714551"/>
                  <a:gd name="connsiteX59" fmla="*/ 192533 w 714552"/>
                  <a:gd name="connsiteY59" fmla="*/ 452135 h 714551"/>
                  <a:gd name="connsiteX60" fmla="*/ 157185 w 714552"/>
                  <a:gd name="connsiteY60" fmla="*/ 466709 h 714551"/>
                  <a:gd name="connsiteX61" fmla="*/ 154581 w 714552"/>
                  <a:gd name="connsiteY61" fmla="*/ 466186 h 714551"/>
                  <a:gd name="connsiteX62" fmla="*/ 141593 w 714552"/>
                  <a:gd name="connsiteY62" fmla="*/ 489433 h 714551"/>
                  <a:gd name="connsiteX63" fmla="*/ 136775 w 714552"/>
                  <a:gd name="connsiteY63" fmla="*/ 501359 h 714551"/>
                  <a:gd name="connsiteX64" fmla="*/ 167148 w 714552"/>
                  <a:gd name="connsiteY64" fmla="*/ 540728 h 714551"/>
                  <a:gd name="connsiteX65" fmla="*/ 216087 w 714552"/>
                  <a:gd name="connsiteY65" fmla="*/ 583587 h 714551"/>
                  <a:gd name="connsiteX66" fmla="*/ 268827 w 714552"/>
                  <a:gd name="connsiteY66" fmla="*/ 553416 h 714551"/>
                  <a:gd name="connsiteX67" fmla="*/ 301409 w 714552"/>
                  <a:gd name="connsiteY67" fmla="*/ 527166 h 714551"/>
                  <a:gd name="connsiteX68" fmla="*/ 239295 w 714552"/>
                  <a:gd name="connsiteY68" fmla="*/ 481073 h 714551"/>
                  <a:gd name="connsiteX69" fmla="*/ 75148 w 714552"/>
                  <a:gd name="connsiteY69" fmla="*/ 424623 h 714551"/>
                  <a:gd name="connsiteX70" fmla="*/ 68128 w 714552"/>
                  <a:gd name="connsiteY70" fmla="*/ 517092 h 714551"/>
                  <a:gd name="connsiteX71" fmla="*/ 89856 w 714552"/>
                  <a:gd name="connsiteY71" fmla="*/ 553715 h 714551"/>
                  <a:gd name="connsiteX72" fmla="*/ 93201 w 714552"/>
                  <a:gd name="connsiteY72" fmla="*/ 557408 h 714551"/>
                  <a:gd name="connsiteX73" fmla="*/ 100678 w 714552"/>
                  <a:gd name="connsiteY73" fmla="*/ 537022 h 714551"/>
                  <a:gd name="connsiteX74" fmla="*/ 117560 w 714552"/>
                  <a:gd name="connsiteY74" fmla="*/ 500348 h 714551"/>
                  <a:gd name="connsiteX75" fmla="*/ 113149 w 714552"/>
                  <a:gd name="connsiteY75" fmla="*/ 495007 h 714551"/>
                  <a:gd name="connsiteX76" fmla="*/ 75692 w 714552"/>
                  <a:gd name="connsiteY76" fmla="*/ 426356 h 714551"/>
                  <a:gd name="connsiteX77" fmla="*/ 453263 w 714552"/>
                  <a:gd name="connsiteY77" fmla="*/ 411388 h 714551"/>
                  <a:gd name="connsiteX78" fmla="*/ 389873 w 714552"/>
                  <a:gd name="connsiteY78" fmla="*/ 478786 h 714551"/>
                  <a:gd name="connsiteX79" fmla="*/ 328297 w 714552"/>
                  <a:gd name="connsiteY79" fmla="*/ 528399 h 714551"/>
                  <a:gd name="connsiteX80" fmla="*/ 331685 w 714552"/>
                  <a:gd name="connsiteY80" fmla="*/ 530813 h 714551"/>
                  <a:gd name="connsiteX81" fmla="*/ 336204 w 714552"/>
                  <a:gd name="connsiteY81" fmla="*/ 532751 h 714551"/>
                  <a:gd name="connsiteX82" fmla="*/ 349788 w 714552"/>
                  <a:gd name="connsiteY82" fmla="*/ 523634 h 714551"/>
                  <a:gd name="connsiteX83" fmla="*/ 376114 w 714552"/>
                  <a:gd name="connsiteY83" fmla="*/ 518343 h 714551"/>
                  <a:gd name="connsiteX84" fmla="*/ 438432 w 714552"/>
                  <a:gd name="connsiteY84" fmla="*/ 559461 h 714551"/>
                  <a:gd name="connsiteX85" fmla="*/ 440604 w 714552"/>
                  <a:gd name="connsiteY85" fmla="*/ 570167 h 714551"/>
                  <a:gd name="connsiteX86" fmla="*/ 454963 w 714552"/>
                  <a:gd name="connsiteY86" fmla="*/ 573453 h 714551"/>
                  <a:gd name="connsiteX87" fmla="*/ 488068 w 714552"/>
                  <a:gd name="connsiteY87" fmla="*/ 550832 h 714551"/>
                  <a:gd name="connsiteX88" fmla="*/ 527959 w 714552"/>
                  <a:gd name="connsiteY88" fmla="*/ 510293 h 714551"/>
                  <a:gd name="connsiteX89" fmla="*/ 504045 w 714552"/>
                  <a:gd name="connsiteY89" fmla="*/ 473567 h 714551"/>
                  <a:gd name="connsiteX90" fmla="*/ 651346 w 714552"/>
                  <a:gd name="connsiteY90" fmla="*/ 349532 h 714551"/>
                  <a:gd name="connsiteX91" fmla="*/ 643454 w 714552"/>
                  <a:gd name="connsiteY91" fmla="*/ 380614 h 714551"/>
                  <a:gd name="connsiteX92" fmla="*/ 637207 w 714552"/>
                  <a:gd name="connsiteY92" fmla="*/ 391313 h 714551"/>
                  <a:gd name="connsiteX93" fmla="*/ 648275 w 714552"/>
                  <a:gd name="connsiteY93" fmla="*/ 407654 h 714551"/>
                  <a:gd name="connsiteX94" fmla="*/ 653590 w 714552"/>
                  <a:gd name="connsiteY94" fmla="*/ 433859 h 714551"/>
                  <a:gd name="connsiteX95" fmla="*/ 633781 w 714552"/>
                  <a:gd name="connsiteY95" fmla="*/ 481464 h 714551"/>
                  <a:gd name="connsiteX96" fmla="*/ 624550 w 714552"/>
                  <a:gd name="connsiteY96" fmla="*/ 487659 h 714551"/>
                  <a:gd name="connsiteX97" fmla="*/ 638611 w 714552"/>
                  <a:gd name="connsiteY97" fmla="*/ 531850 h 714551"/>
                  <a:gd name="connsiteX98" fmla="*/ 643322 w 714552"/>
                  <a:gd name="connsiteY98" fmla="*/ 525441 h 714551"/>
                  <a:gd name="connsiteX99" fmla="*/ 659115 w 714552"/>
                  <a:gd name="connsiteY99" fmla="*/ 491310 h 714551"/>
                  <a:gd name="connsiteX100" fmla="*/ 663936 w 714552"/>
                  <a:gd name="connsiteY100" fmla="*/ 445312 h 714551"/>
                  <a:gd name="connsiteX101" fmla="*/ 653947 w 714552"/>
                  <a:gd name="connsiteY101" fmla="*/ 356979 h 714551"/>
                  <a:gd name="connsiteX102" fmla="*/ 524331 w 714552"/>
                  <a:gd name="connsiteY102" fmla="*/ 319279 h 714551"/>
                  <a:gd name="connsiteX103" fmla="*/ 471043 w 714552"/>
                  <a:gd name="connsiteY103" fmla="*/ 392481 h 714551"/>
                  <a:gd name="connsiteX104" fmla="*/ 458035 w 714552"/>
                  <a:gd name="connsiteY104" fmla="*/ 406314 h 714551"/>
                  <a:gd name="connsiteX105" fmla="*/ 506980 w 714552"/>
                  <a:gd name="connsiteY105" fmla="*/ 465833 h 714551"/>
                  <a:gd name="connsiteX106" fmla="*/ 533103 w 714552"/>
                  <a:gd name="connsiteY106" fmla="*/ 505065 h 714551"/>
                  <a:gd name="connsiteX107" fmla="*/ 549090 w 714552"/>
                  <a:gd name="connsiteY107" fmla="*/ 488817 h 714551"/>
                  <a:gd name="connsiteX108" fmla="*/ 538133 w 714552"/>
                  <a:gd name="connsiteY108" fmla="*/ 481464 h 714551"/>
                  <a:gd name="connsiteX109" fmla="*/ 518324 w 714552"/>
                  <a:gd name="connsiteY109" fmla="*/ 433859 h 714551"/>
                  <a:gd name="connsiteX110" fmla="*/ 559631 w 714552"/>
                  <a:gd name="connsiteY110" fmla="*/ 371827 h 714551"/>
                  <a:gd name="connsiteX111" fmla="*/ 567027 w 714552"/>
                  <a:gd name="connsiteY111" fmla="*/ 370340 h 714551"/>
                  <a:gd name="connsiteX112" fmla="*/ 561361 w 714552"/>
                  <a:gd name="connsiteY112" fmla="*/ 358622 h 714551"/>
                  <a:gd name="connsiteX113" fmla="*/ 534247 w 714552"/>
                  <a:gd name="connsiteY113" fmla="*/ 319439 h 714551"/>
                  <a:gd name="connsiteX114" fmla="*/ 529686 w 714552"/>
                  <a:gd name="connsiteY114" fmla="*/ 320355 h 714551"/>
                  <a:gd name="connsiteX115" fmla="*/ 114964 w 714552"/>
                  <a:gd name="connsiteY115" fmla="*/ 291459 h 714551"/>
                  <a:gd name="connsiteX116" fmla="*/ 100667 w 714552"/>
                  <a:gd name="connsiteY116" fmla="*/ 319901 h 714551"/>
                  <a:gd name="connsiteX117" fmla="*/ 78819 w 714552"/>
                  <a:gd name="connsiteY117" fmla="*/ 391679 h 714551"/>
                  <a:gd name="connsiteX118" fmla="*/ 83230 w 714552"/>
                  <a:gd name="connsiteY118" fmla="*/ 407279 h 714551"/>
                  <a:gd name="connsiteX119" fmla="*/ 118903 w 714552"/>
                  <a:gd name="connsiteY119" fmla="*/ 478193 h 714551"/>
                  <a:gd name="connsiteX120" fmla="*/ 124449 w 714552"/>
                  <a:gd name="connsiteY120" fmla="*/ 485383 h 714551"/>
                  <a:gd name="connsiteX121" fmla="*/ 135525 w 714552"/>
                  <a:gd name="connsiteY121" fmla="*/ 461320 h 714551"/>
                  <a:gd name="connsiteX122" fmla="*/ 121838 w 714552"/>
                  <a:gd name="connsiteY122" fmla="*/ 452135 h 714551"/>
                  <a:gd name="connsiteX123" fmla="*/ 107196 w 714552"/>
                  <a:gd name="connsiteY123" fmla="*/ 416949 h 714551"/>
                  <a:gd name="connsiteX124" fmla="*/ 137727 w 714552"/>
                  <a:gd name="connsiteY124" fmla="*/ 371099 h 714551"/>
                  <a:gd name="connsiteX125" fmla="*/ 151152 w 714552"/>
                  <a:gd name="connsiteY125" fmla="*/ 368402 h 714551"/>
                  <a:gd name="connsiteX126" fmla="*/ 125200 w 714552"/>
                  <a:gd name="connsiteY126" fmla="*/ 323068 h 714551"/>
                  <a:gd name="connsiteX127" fmla="*/ 304082 w 714552"/>
                  <a:gd name="connsiteY127" fmla="*/ 255373 h 714551"/>
                  <a:gd name="connsiteX128" fmla="*/ 252096 w 714552"/>
                  <a:gd name="connsiteY128" fmla="*/ 313710 h 714551"/>
                  <a:gd name="connsiteX129" fmla="*/ 197735 w 714552"/>
                  <a:gd name="connsiteY129" fmla="*/ 389444 h 714551"/>
                  <a:gd name="connsiteX130" fmla="*/ 203246 w 714552"/>
                  <a:gd name="connsiteY130" fmla="*/ 397580 h 714551"/>
                  <a:gd name="connsiteX131" fmla="*/ 207174 w 714552"/>
                  <a:gd name="connsiteY131" fmla="*/ 416949 h 714551"/>
                  <a:gd name="connsiteX132" fmla="*/ 205611 w 714552"/>
                  <a:gd name="connsiteY132" fmla="*/ 424658 h 714551"/>
                  <a:gd name="connsiteX133" fmla="*/ 243671 w 714552"/>
                  <a:gd name="connsiteY133" fmla="*/ 468093 h 714551"/>
                  <a:gd name="connsiteX134" fmla="*/ 313217 w 714552"/>
                  <a:gd name="connsiteY134" fmla="*/ 517652 h 714551"/>
                  <a:gd name="connsiteX135" fmla="*/ 377623 w 714552"/>
                  <a:gd name="connsiteY135" fmla="*/ 465761 h 714551"/>
                  <a:gd name="connsiteX136" fmla="*/ 436779 w 714552"/>
                  <a:gd name="connsiteY136" fmla="*/ 404754 h 714551"/>
                  <a:gd name="connsiteX137" fmla="*/ 442266 w 714552"/>
                  <a:gd name="connsiteY137" fmla="*/ 397923 h 714551"/>
                  <a:gd name="connsiteX138" fmla="*/ 412554 w 714552"/>
                  <a:gd name="connsiteY138" fmla="*/ 361545 h 714551"/>
                  <a:gd name="connsiteX139" fmla="*/ 401880 w 714552"/>
                  <a:gd name="connsiteY139" fmla="*/ 350583 h 714551"/>
                  <a:gd name="connsiteX140" fmla="*/ 398709 w 714552"/>
                  <a:gd name="connsiteY140" fmla="*/ 358202 h 714551"/>
                  <a:gd name="connsiteX141" fmla="*/ 368613 w 714552"/>
                  <a:gd name="connsiteY141" fmla="*/ 370611 h 714551"/>
                  <a:gd name="connsiteX142" fmla="*/ 326051 w 714552"/>
                  <a:gd name="connsiteY142" fmla="*/ 328244 h 714551"/>
                  <a:gd name="connsiteX143" fmla="*/ 338518 w 714552"/>
                  <a:gd name="connsiteY143" fmla="*/ 298286 h 714551"/>
                  <a:gd name="connsiteX144" fmla="*/ 347393 w 714552"/>
                  <a:gd name="connsiteY144" fmla="*/ 294627 h 714551"/>
                  <a:gd name="connsiteX145" fmla="*/ 341132 w 714552"/>
                  <a:gd name="connsiteY145" fmla="*/ 288197 h 714551"/>
                  <a:gd name="connsiteX146" fmla="*/ 667370 w 714552"/>
                  <a:gd name="connsiteY146" fmla="*/ 243573 h 714551"/>
                  <a:gd name="connsiteX147" fmla="*/ 669797 w 714552"/>
                  <a:gd name="connsiteY147" fmla="*/ 276858 h 714551"/>
                  <a:gd name="connsiteX148" fmla="*/ 657009 w 714552"/>
                  <a:gd name="connsiteY148" fmla="*/ 327228 h 714551"/>
                  <a:gd name="connsiteX149" fmla="*/ 664540 w 714552"/>
                  <a:gd name="connsiteY149" fmla="*/ 347419 h 714551"/>
                  <a:gd name="connsiteX150" fmla="*/ 677292 w 714552"/>
                  <a:gd name="connsiteY150" fmla="*/ 435974 h 714551"/>
                  <a:gd name="connsiteX151" fmla="*/ 676990 w 714552"/>
                  <a:gd name="connsiteY151" fmla="*/ 440247 h 714551"/>
                  <a:gd name="connsiteX152" fmla="*/ 685763 w 714552"/>
                  <a:gd name="connsiteY152" fmla="*/ 403940 h 714551"/>
                  <a:gd name="connsiteX153" fmla="*/ 679297 w 714552"/>
                  <a:gd name="connsiteY153" fmla="*/ 277380 h 714551"/>
                  <a:gd name="connsiteX154" fmla="*/ 47768 w 714552"/>
                  <a:gd name="connsiteY154" fmla="*/ 239816 h 714551"/>
                  <a:gd name="connsiteX155" fmla="*/ 43849 w 714552"/>
                  <a:gd name="connsiteY155" fmla="*/ 248286 h 714551"/>
                  <a:gd name="connsiteX156" fmla="*/ 35255 w 714552"/>
                  <a:gd name="connsiteY156" fmla="*/ 437171 h 714551"/>
                  <a:gd name="connsiteX157" fmla="*/ 50922 w 714552"/>
                  <a:gd name="connsiteY157" fmla="*/ 481583 h 714551"/>
                  <a:gd name="connsiteX158" fmla="*/ 57677 w 714552"/>
                  <a:gd name="connsiteY158" fmla="*/ 392611 h 714551"/>
                  <a:gd name="connsiteX159" fmla="*/ 61334 w 714552"/>
                  <a:gd name="connsiteY159" fmla="*/ 380598 h 714551"/>
                  <a:gd name="connsiteX160" fmla="*/ 52281 w 714552"/>
                  <a:gd name="connsiteY160" fmla="*/ 351749 h 714551"/>
                  <a:gd name="connsiteX161" fmla="*/ 44222 w 714552"/>
                  <a:gd name="connsiteY161" fmla="*/ 273115 h 714551"/>
                  <a:gd name="connsiteX162" fmla="*/ 585900 w 714552"/>
                  <a:gd name="connsiteY162" fmla="*/ 211697 h 714551"/>
                  <a:gd name="connsiteX163" fmla="*/ 569482 w 714552"/>
                  <a:gd name="connsiteY163" fmla="*/ 241976 h 714551"/>
                  <a:gd name="connsiteX164" fmla="*/ 575747 w 714552"/>
                  <a:gd name="connsiteY164" fmla="*/ 251226 h 714551"/>
                  <a:gd name="connsiteX165" fmla="*/ 579675 w 714552"/>
                  <a:gd name="connsiteY165" fmla="*/ 270595 h 714551"/>
                  <a:gd name="connsiteX166" fmla="*/ 549144 w 714552"/>
                  <a:gd name="connsiteY166" fmla="*/ 316445 h 714551"/>
                  <a:gd name="connsiteX167" fmla="*/ 547889 w 714552"/>
                  <a:gd name="connsiteY167" fmla="*/ 316697 h 714551"/>
                  <a:gd name="connsiteX168" fmla="*/ 562398 w 714552"/>
                  <a:gd name="connsiteY168" fmla="*/ 336996 h 714551"/>
                  <a:gd name="connsiteX169" fmla="*/ 579134 w 714552"/>
                  <a:gd name="connsiteY169" fmla="*/ 367907 h 714551"/>
                  <a:gd name="connsiteX170" fmla="*/ 585957 w 714552"/>
                  <a:gd name="connsiteY170" fmla="*/ 366536 h 714551"/>
                  <a:gd name="connsiteX171" fmla="*/ 612283 w 714552"/>
                  <a:gd name="connsiteY171" fmla="*/ 371827 h 714551"/>
                  <a:gd name="connsiteX172" fmla="*/ 621509 w 714552"/>
                  <a:gd name="connsiteY172" fmla="*/ 378019 h 714551"/>
                  <a:gd name="connsiteX173" fmla="*/ 622202 w 714552"/>
                  <a:gd name="connsiteY173" fmla="*/ 376832 h 714551"/>
                  <a:gd name="connsiteX174" fmla="*/ 638486 w 714552"/>
                  <a:gd name="connsiteY174" fmla="*/ 312699 h 714551"/>
                  <a:gd name="connsiteX175" fmla="*/ 624308 w 714552"/>
                  <a:gd name="connsiteY175" fmla="*/ 272094 h 714551"/>
                  <a:gd name="connsiteX176" fmla="*/ 388134 w 714552"/>
                  <a:gd name="connsiteY176" fmla="*/ 179850 h 714551"/>
                  <a:gd name="connsiteX177" fmla="*/ 376939 w 714552"/>
                  <a:gd name="connsiteY177" fmla="*/ 187786 h 714551"/>
                  <a:gd name="connsiteX178" fmla="*/ 312720 w 714552"/>
                  <a:gd name="connsiteY178" fmla="*/ 245682 h 714551"/>
                  <a:gd name="connsiteX179" fmla="*/ 309775 w 714552"/>
                  <a:gd name="connsiteY179" fmla="*/ 248985 h 714551"/>
                  <a:gd name="connsiteX180" fmla="*/ 339714 w 714552"/>
                  <a:gd name="connsiteY180" fmla="*/ 275893 h 714551"/>
                  <a:gd name="connsiteX181" fmla="*/ 354878 w 714552"/>
                  <a:gd name="connsiteY181" fmla="*/ 291540 h 714551"/>
                  <a:gd name="connsiteX182" fmla="*/ 368613 w 714552"/>
                  <a:gd name="connsiteY182" fmla="*/ 285877 h 714551"/>
                  <a:gd name="connsiteX183" fmla="*/ 411175 w 714552"/>
                  <a:gd name="connsiteY183" fmla="*/ 328244 h 714551"/>
                  <a:gd name="connsiteX184" fmla="*/ 404950 w 714552"/>
                  <a:gd name="connsiteY184" fmla="*/ 343205 h 714551"/>
                  <a:gd name="connsiteX185" fmla="*/ 412779 w 714552"/>
                  <a:gd name="connsiteY185" fmla="*/ 351283 h 714551"/>
                  <a:gd name="connsiteX186" fmla="*/ 446647 w 714552"/>
                  <a:gd name="connsiteY186" fmla="*/ 392467 h 714551"/>
                  <a:gd name="connsiteX187" fmla="*/ 487912 w 714552"/>
                  <a:gd name="connsiteY187" fmla="*/ 341085 h 714551"/>
                  <a:gd name="connsiteX188" fmla="*/ 504608 w 714552"/>
                  <a:gd name="connsiteY188" fmla="*/ 312673 h 714551"/>
                  <a:gd name="connsiteX189" fmla="*/ 494339 w 714552"/>
                  <a:gd name="connsiteY189" fmla="*/ 305781 h 714551"/>
                  <a:gd name="connsiteX190" fmla="*/ 479697 w 714552"/>
                  <a:gd name="connsiteY190" fmla="*/ 270595 h 714551"/>
                  <a:gd name="connsiteX191" fmla="*/ 482182 w 714552"/>
                  <a:gd name="connsiteY191" fmla="*/ 258345 h 714551"/>
                  <a:gd name="connsiteX192" fmla="*/ 427474 w 714552"/>
                  <a:gd name="connsiteY192" fmla="*/ 204358 h 714551"/>
                  <a:gd name="connsiteX193" fmla="*/ 199223 w 714552"/>
                  <a:gd name="connsiteY193" fmla="*/ 171542 h 714551"/>
                  <a:gd name="connsiteX194" fmla="*/ 135497 w 714552"/>
                  <a:gd name="connsiteY194" fmla="*/ 250607 h 714551"/>
                  <a:gd name="connsiteX195" fmla="*/ 123377 w 714552"/>
                  <a:gd name="connsiteY195" fmla="*/ 274720 h 714551"/>
                  <a:gd name="connsiteX196" fmla="*/ 134248 w 714552"/>
                  <a:gd name="connsiteY196" fmla="*/ 312031 h 714551"/>
                  <a:gd name="connsiteX197" fmla="*/ 165241 w 714552"/>
                  <a:gd name="connsiteY197" fmla="*/ 368808 h 714551"/>
                  <a:gd name="connsiteX198" fmla="*/ 176643 w 714552"/>
                  <a:gd name="connsiteY198" fmla="*/ 371099 h 714551"/>
                  <a:gd name="connsiteX199" fmla="*/ 184928 w 714552"/>
                  <a:gd name="connsiteY199" fmla="*/ 376660 h 714551"/>
                  <a:gd name="connsiteX200" fmla="*/ 239979 w 714552"/>
                  <a:gd name="connsiteY200" fmla="*/ 299965 h 714551"/>
                  <a:gd name="connsiteX201" fmla="*/ 290467 w 714552"/>
                  <a:gd name="connsiteY201" fmla="*/ 243311 h 714551"/>
                  <a:gd name="connsiteX202" fmla="*/ 268528 w 714552"/>
                  <a:gd name="connsiteY202" fmla="*/ 223873 h 714551"/>
                  <a:gd name="connsiteX203" fmla="*/ 248270 w 714552"/>
                  <a:gd name="connsiteY203" fmla="*/ 208577 h 714551"/>
                  <a:gd name="connsiteX204" fmla="*/ 241838 w 714552"/>
                  <a:gd name="connsiteY204" fmla="*/ 207284 h 714551"/>
                  <a:gd name="connsiteX205" fmla="*/ 220340 w 714552"/>
                  <a:gd name="connsiteY205" fmla="*/ 192856 h 714551"/>
                  <a:gd name="connsiteX206" fmla="*/ 212897 w 714552"/>
                  <a:gd name="connsiteY206" fmla="*/ 181866 h 714551"/>
                  <a:gd name="connsiteX207" fmla="*/ 89292 w 714552"/>
                  <a:gd name="connsiteY207" fmla="*/ 164538 h 714551"/>
                  <a:gd name="connsiteX208" fmla="*/ 71230 w 714552"/>
                  <a:gd name="connsiteY208" fmla="*/ 189109 h 714551"/>
                  <a:gd name="connsiteX209" fmla="*/ 58082 w 714552"/>
                  <a:gd name="connsiteY209" fmla="*/ 217524 h 714551"/>
                  <a:gd name="connsiteX210" fmla="*/ 54597 w 714552"/>
                  <a:gd name="connsiteY210" fmla="*/ 248257 h 714551"/>
                  <a:gd name="connsiteX211" fmla="*/ 61377 w 714552"/>
                  <a:gd name="connsiteY211" fmla="*/ 329972 h 714551"/>
                  <a:gd name="connsiteX212" fmla="*/ 68776 w 714552"/>
                  <a:gd name="connsiteY212" fmla="*/ 356146 h 714551"/>
                  <a:gd name="connsiteX213" fmla="*/ 82317 w 714552"/>
                  <a:gd name="connsiteY213" fmla="*/ 311660 h 714551"/>
                  <a:gd name="connsiteX214" fmla="*/ 106151 w 714552"/>
                  <a:gd name="connsiteY214" fmla="*/ 264244 h 714551"/>
                  <a:gd name="connsiteX215" fmla="*/ 96528 w 714552"/>
                  <a:gd name="connsiteY215" fmla="*/ 234535 h 714551"/>
                  <a:gd name="connsiteX216" fmla="*/ 335438 w 714552"/>
                  <a:gd name="connsiteY216" fmla="*/ 147023 h 714551"/>
                  <a:gd name="connsiteX217" fmla="*/ 330482 w 714552"/>
                  <a:gd name="connsiteY217" fmla="*/ 171457 h 714551"/>
                  <a:gd name="connsiteX218" fmla="*/ 294490 w 714552"/>
                  <a:gd name="connsiteY218" fmla="*/ 207284 h 714551"/>
                  <a:gd name="connsiteX219" fmla="*/ 269065 w 714552"/>
                  <a:gd name="connsiteY219" fmla="*/ 212394 h 714551"/>
                  <a:gd name="connsiteX220" fmla="*/ 296247 w 714552"/>
                  <a:gd name="connsiteY220" fmla="*/ 236824 h 714551"/>
                  <a:gd name="connsiteX221" fmla="*/ 303795 w 714552"/>
                  <a:gd name="connsiteY221" fmla="*/ 228353 h 714551"/>
                  <a:gd name="connsiteX222" fmla="*/ 370075 w 714552"/>
                  <a:gd name="connsiteY222" fmla="*/ 168602 h 714551"/>
                  <a:gd name="connsiteX223" fmla="*/ 610571 w 714552"/>
                  <a:gd name="connsiteY223" fmla="*/ 145240 h 714551"/>
                  <a:gd name="connsiteX224" fmla="*/ 591321 w 714552"/>
                  <a:gd name="connsiteY224" fmla="*/ 197895 h 714551"/>
                  <a:gd name="connsiteX225" fmla="*/ 632549 w 714552"/>
                  <a:gd name="connsiteY225" fmla="*/ 261660 h 714551"/>
                  <a:gd name="connsiteX226" fmla="*/ 643791 w 714552"/>
                  <a:gd name="connsiteY226" fmla="*/ 291798 h 714551"/>
                  <a:gd name="connsiteX227" fmla="*/ 647227 w 714552"/>
                  <a:gd name="connsiteY227" fmla="*/ 278269 h 714551"/>
                  <a:gd name="connsiteX228" fmla="*/ 640623 w 714552"/>
                  <a:gd name="connsiteY228" fmla="*/ 187681 h 714551"/>
                  <a:gd name="connsiteX229" fmla="*/ 624696 w 714552"/>
                  <a:gd name="connsiteY229" fmla="*/ 160835 h 714551"/>
                  <a:gd name="connsiteX230" fmla="*/ 123273 w 714552"/>
                  <a:gd name="connsiteY230" fmla="*/ 123877 h 714551"/>
                  <a:gd name="connsiteX231" fmla="*/ 111030 w 714552"/>
                  <a:gd name="connsiteY231" fmla="*/ 134966 h 714551"/>
                  <a:gd name="connsiteX232" fmla="*/ 103045 w 714552"/>
                  <a:gd name="connsiteY232" fmla="*/ 145830 h 714551"/>
                  <a:gd name="connsiteX233" fmla="*/ 108418 w 714552"/>
                  <a:gd name="connsiteY233" fmla="*/ 223381 h 714551"/>
                  <a:gd name="connsiteX234" fmla="*/ 115123 w 714552"/>
                  <a:gd name="connsiteY234" fmla="*/ 246394 h 714551"/>
                  <a:gd name="connsiteX235" fmla="*/ 118983 w 714552"/>
                  <a:gd name="connsiteY235" fmla="*/ 238715 h 714551"/>
                  <a:gd name="connsiteX236" fmla="*/ 153408 w 714552"/>
                  <a:gd name="connsiteY236" fmla="*/ 189961 h 714551"/>
                  <a:gd name="connsiteX237" fmla="*/ 181108 w 714552"/>
                  <a:gd name="connsiteY237" fmla="*/ 159818 h 714551"/>
                  <a:gd name="connsiteX238" fmla="*/ 125841 w 714552"/>
                  <a:gd name="connsiteY238" fmla="*/ 125213 h 714551"/>
                  <a:gd name="connsiteX239" fmla="*/ 491029 w 714552"/>
                  <a:gd name="connsiteY239" fmla="*/ 116871 h 714551"/>
                  <a:gd name="connsiteX240" fmla="*/ 443339 w 714552"/>
                  <a:gd name="connsiteY240" fmla="*/ 140715 h 714551"/>
                  <a:gd name="connsiteX241" fmla="*/ 402963 w 714552"/>
                  <a:gd name="connsiteY241" fmla="*/ 169337 h 714551"/>
                  <a:gd name="connsiteX242" fmla="*/ 450243 w 714552"/>
                  <a:gd name="connsiteY242" fmla="*/ 204546 h 714551"/>
                  <a:gd name="connsiteX243" fmla="*/ 488338 w 714552"/>
                  <a:gd name="connsiteY243" fmla="*/ 244269 h 714551"/>
                  <a:gd name="connsiteX244" fmla="*/ 494339 w 714552"/>
                  <a:gd name="connsiteY244" fmla="*/ 235409 h 714551"/>
                  <a:gd name="connsiteX245" fmla="*/ 529686 w 714552"/>
                  <a:gd name="connsiteY245" fmla="*/ 220835 h 714551"/>
                  <a:gd name="connsiteX246" fmla="*/ 549144 w 714552"/>
                  <a:gd name="connsiteY246" fmla="*/ 224745 h 714551"/>
                  <a:gd name="connsiteX247" fmla="*/ 554261 w 714552"/>
                  <a:gd name="connsiteY247" fmla="*/ 228179 h 714551"/>
                  <a:gd name="connsiteX248" fmla="*/ 564930 w 714552"/>
                  <a:gd name="connsiteY248" fmla="*/ 210023 h 714551"/>
                  <a:gd name="connsiteX249" fmla="*/ 571873 w 714552"/>
                  <a:gd name="connsiteY249" fmla="*/ 191034 h 714551"/>
                  <a:gd name="connsiteX250" fmla="*/ 535575 w 714552"/>
                  <a:gd name="connsiteY250" fmla="*/ 152338 h 714551"/>
                  <a:gd name="connsiteX251" fmla="*/ 492030 w 714552"/>
                  <a:gd name="connsiteY251" fmla="*/ 117465 h 714551"/>
                  <a:gd name="connsiteX252" fmla="*/ 149397 w 714552"/>
                  <a:gd name="connsiteY252" fmla="*/ 100216 h 714551"/>
                  <a:gd name="connsiteX253" fmla="*/ 133681 w 714552"/>
                  <a:gd name="connsiteY253" fmla="*/ 114451 h 714551"/>
                  <a:gd name="connsiteX254" fmla="*/ 189461 w 714552"/>
                  <a:gd name="connsiteY254" fmla="*/ 150730 h 714551"/>
                  <a:gd name="connsiteX255" fmla="*/ 193017 w 714552"/>
                  <a:gd name="connsiteY255" fmla="*/ 146860 h 714551"/>
                  <a:gd name="connsiteX256" fmla="*/ 201456 w 714552"/>
                  <a:gd name="connsiteY256" fmla="*/ 140692 h 714551"/>
                  <a:gd name="connsiteX257" fmla="*/ 205846 w 714552"/>
                  <a:gd name="connsiteY257" fmla="*/ 119047 h 714551"/>
                  <a:gd name="connsiteX258" fmla="*/ 214270 w 714552"/>
                  <a:gd name="connsiteY258" fmla="*/ 106610 h 714551"/>
                  <a:gd name="connsiteX259" fmla="*/ 551006 w 714552"/>
                  <a:gd name="connsiteY259" fmla="*/ 90021 h 714551"/>
                  <a:gd name="connsiteX260" fmla="*/ 532814 w 714552"/>
                  <a:gd name="connsiteY260" fmla="*/ 95982 h 714551"/>
                  <a:gd name="connsiteX261" fmla="*/ 504524 w 714552"/>
                  <a:gd name="connsiteY261" fmla="*/ 110125 h 714551"/>
                  <a:gd name="connsiteX262" fmla="*/ 529575 w 714552"/>
                  <a:gd name="connsiteY262" fmla="*/ 128577 h 714551"/>
                  <a:gd name="connsiteX263" fmla="*/ 576789 w 714552"/>
                  <a:gd name="connsiteY263" fmla="*/ 177584 h 714551"/>
                  <a:gd name="connsiteX264" fmla="*/ 594929 w 714552"/>
                  <a:gd name="connsiteY264" fmla="*/ 127970 h 714551"/>
                  <a:gd name="connsiteX265" fmla="*/ 579586 w 714552"/>
                  <a:gd name="connsiteY265" fmla="*/ 111030 h 714551"/>
                  <a:gd name="connsiteX266" fmla="*/ 383383 w 714552"/>
                  <a:gd name="connsiteY266" fmla="*/ 66055 h 714551"/>
                  <a:gd name="connsiteX267" fmla="*/ 309627 w 714552"/>
                  <a:gd name="connsiteY267" fmla="*/ 93378 h 714551"/>
                  <a:gd name="connsiteX268" fmla="*/ 315988 w 714552"/>
                  <a:gd name="connsiteY268" fmla="*/ 97648 h 714551"/>
                  <a:gd name="connsiteX269" fmla="*/ 330482 w 714552"/>
                  <a:gd name="connsiteY269" fmla="*/ 119047 h 714551"/>
                  <a:gd name="connsiteX270" fmla="*/ 331969 w 714552"/>
                  <a:gd name="connsiteY270" fmla="*/ 126377 h 714551"/>
                  <a:gd name="connsiteX271" fmla="*/ 374074 w 714552"/>
                  <a:gd name="connsiteY271" fmla="*/ 147823 h 714551"/>
                  <a:gd name="connsiteX272" fmla="*/ 386244 w 714552"/>
                  <a:gd name="connsiteY272" fmla="*/ 156886 h 714551"/>
                  <a:gd name="connsiteX273" fmla="*/ 441299 w 714552"/>
                  <a:gd name="connsiteY273" fmla="*/ 117856 h 714551"/>
                  <a:gd name="connsiteX274" fmla="*/ 469184 w 714552"/>
                  <a:gd name="connsiteY274" fmla="*/ 103915 h 714551"/>
                  <a:gd name="connsiteX275" fmla="*/ 444756 w 714552"/>
                  <a:gd name="connsiteY275" fmla="*/ 89425 h 714551"/>
                  <a:gd name="connsiteX276" fmla="*/ 394511 w 714552"/>
                  <a:gd name="connsiteY276" fmla="*/ 68285 h 714551"/>
                  <a:gd name="connsiteX277" fmla="*/ 494347 w 714552"/>
                  <a:gd name="connsiteY277" fmla="*/ 56841 h 714551"/>
                  <a:gd name="connsiteX278" fmla="*/ 422186 w 714552"/>
                  <a:gd name="connsiteY278" fmla="*/ 60928 h 714551"/>
                  <a:gd name="connsiteX279" fmla="*/ 471636 w 714552"/>
                  <a:gd name="connsiteY279" fmla="*/ 85897 h 714551"/>
                  <a:gd name="connsiteX280" fmla="*/ 485214 w 714552"/>
                  <a:gd name="connsiteY280" fmla="*/ 95900 h 714551"/>
                  <a:gd name="connsiteX281" fmla="*/ 529133 w 714552"/>
                  <a:gd name="connsiteY281" fmla="*/ 73942 h 714551"/>
                  <a:gd name="connsiteX282" fmla="*/ 525442 w 714552"/>
                  <a:gd name="connsiteY282" fmla="*/ 71229 h 714551"/>
                  <a:gd name="connsiteX283" fmla="*/ 288153 w 714552"/>
                  <a:gd name="connsiteY283" fmla="*/ 46979 h 714551"/>
                  <a:gd name="connsiteX284" fmla="*/ 234166 w 714552"/>
                  <a:gd name="connsiteY284" fmla="*/ 50500 h 714551"/>
                  <a:gd name="connsiteX285" fmla="*/ 216915 w 714552"/>
                  <a:gd name="connsiteY285" fmla="*/ 56586 h 714551"/>
                  <a:gd name="connsiteX286" fmla="*/ 182785 w 714552"/>
                  <a:gd name="connsiteY286" fmla="*/ 76834 h 714551"/>
                  <a:gd name="connsiteX287" fmla="*/ 209134 w 714552"/>
                  <a:gd name="connsiteY287" fmla="*/ 80986 h 714551"/>
                  <a:gd name="connsiteX288" fmla="*/ 233927 w 714552"/>
                  <a:gd name="connsiteY288" fmla="*/ 88530 h 714551"/>
                  <a:gd name="connsiteX289" fmla="*/ 241838 w 714552"/>
                  <a:gd name="connsiteY289" fmla="*/ 83220 h 714551"/>
                  <a:gd name="connsiteX290" fmla="*/ 268164 w 714552"/>
                  <a:gd name="connsiteY290" fmla="*/ 77929 h 714551"/>
                  <a:gd name="connsiteX291" fmla="*/ 283200 w 714552"/>
                  <a:gd name="connsiteY291" fmla="*/ 80951 h 714551"/>
                  <a:gd name="connsiteX292" fmla="*/ 285081 w 714552"/>
                  <a:gd name="connsiteY292" fmla="*/ 79576 h 714551"/>
                  <a:gd name="connsiteX293" fmla="*/ 343270 w 714552"/>
                  <a:gd name="connsiteY293" fmla="*/ 58020 h 714551"/>
                  <a:gd name="connsiteX294" fmla="*/ 340351 w 714552"/>
                  <a:gd name="connsiteY294" fmla="*/ 25957 h 714551"/>
                  <a:gd name="connsiteX295" fmla="*/ 313464 w 714552"/>
                  <a:gd name="connsiteY295" fmla="*/ 29926 h 714551"/>
                  <a:gd name="connsiteX296" fmla="*/ 342538 w 714552"/>
                  <a:gd name="connsiteY296" fmla="*/ 33543 h 714551"/>
                  <a:gd name="connsiteX297" fmla="*/ 378845 w 714552"/>
                  <a:gd name="connsiteY297" fmla="*/ 44841 h 714551"/>
                  <a:gd name="connsiteX298" fmla="*/ 389757 w 714552"/>
                  <a:gd name="connsiteY298" fmla="*/ 40799 h 714551"/>
                  <a:gd name="connsiteX299" fmla="*/ 441514 w 714552"/>
                  <a:gd name="connsiteY299" fmla="*/ 37867 h 714551"/>
                  <a:gd name="connsiteX300" fmla="*/ 403941 w 714552"/>
                  <a:gd name="connsiteY300" fmla="*/ 28789 h 714551"/>
                  <a:gd name="connsiteX301" fmla="*/ 340351 w 714552"/>
                  <a:gd name="connsiteY301" fmla="*/ 25957 h 714551"/>
                  <a:gd name="connsiteX302" fmla="*/ 356186 w 714552"/>
                  <a:gd name="connsiteY302" fmla="*/ 2 h 714551"/>
                  <a:gd name="connsiteX303" fmla="*/ 596689 w 714552"/>
                  <a:gd name="connsiteY303" fmla="*/ 92086 h 714551"/>
                  <a:gd name="connsiteX304" fmla="*/ 616572 w 714552"/>
                  <a:gd name="connsiteY304" fmla="*/ 114039 h 714551"/>
                  <a:gd name="connsiteX305" fmla="*/ 620730 w 714552"/>
                  <a:gd name="connsiteY305" fmla="*/ 116955 h 714551"/>
                  <a:gd name="connsiteX306" fmla="*/ 620423 w 714552"/>
                  <a:gd name="connsiteY306" fmla="*/ 118290 h 714551"/>
                  <a:gd name="connsiteX307" fmla="*/ 645269 w 714552"/>
                  <a:gd name="connsiteY307" fmla="*/ 145724 h 714551"/>
                  <a:gd name="connsiteX308" fmla="*/ 658367 w 714552"/>
                  <a:gd name="connsiteY308" fmla="*/ 167801 h 714551"/>
                  <a:gd name="connsiteX309" fmla="*/ 660378 w 714552"/>
                  <a:gd name="connsiteY309" fmla="*/ 166925 h 714551"/>
                  <a:gd name="connsiteX310" fmla="*/ 662200 w 714552"/>
                  <a:gd name="connsiteY310" fmla="*/ 172636 h 714551"/>
                  <a:gd name="connsiteX311" fmla="*/ 662335 w 714552"/>
                  <a:gd name="connsiteY311" fmla="*/ 174488 h 714551"/>
                  <a:gd name="connsiteX312" fmla="*/ 681099 w 714552"/>
                  <a:gd name="connsiteY312" fmla="*/ 206115 h 714551"/>
                  <a:gd name="connsiteX313" fmla="*/ 694817 w 714552"/>
                  <a:gd name="connsiteY313" fmla="*/ 474650 h 714551"/>
                  <a:gd name="connsiteX314" fmla="*/ 670187 w 714552"/>
                  <a:gd name="connsiteY314" fmla="*/ 527879 h 714551"/>
                  <a:gd name="connsiteX315" fmla="*/ 669572 w 714552"/>
                  <a:gd name="connsiteY315" fmla="*/ 530550 h 714551"/>
                  <a:gd name="connsiteX316" fmla="*/ 668813 w 714552"/>
                  <a:gd name="connsiteY316" fmla="*/ 532071 h 714551"/>
                  <a:gd name="connsiteX317" fmla="*/ 666674 w 714552"/>
                  <a:gd name="connsiteY317" fmla="*/ 535472 h 714551"/>
                  <a:gd name="connsiteX318" fmla="*/ 665329 w 714552"/>
                  <a:gd name="connsiteY318" fmla="*/ 538379 h 714551"/>
                  <a:gd name="connsiteX319" fmla="*/ 661969 w 714552"/>
                  <a:gd name="connsiteY319" fmla="*/ 542950 h 714551"/>
                  <a:gd name="connsiteX320" fmla="*/ 650198 w 714552"/>
                  <a:gd name="connsiteY320" fmla="*/ 561656 h 714551"/>
                  <a:gd name="connsiteX321" fmla="*/ 645757 w 714552"/>
                  <a:gd name="connsiteY321" fmla="*/ 567383 h 714551"/>
                  <a:gd name="connsiteX322" fmla="*/ 646743 w 714552"/>
                  <a:gd name="connsiteY322" fmla="*/ 563662 h 714551"/>
                  <a:gd name="connsiteX323" fmla="*/ 643528 w 714552"/>
                  <a:gd name="connsiteY323" fmla="*/ 568036 h 714551"/>
                  <a:gd name="connsiteX324" fmla="*/ 643635 w 714552"/>
                  <a:gd name="connsiteY324" fmla="*/ 568822 h 714551"/>
                  <a:gd name="connsiteX325" fmla="*/ 644920 w 714552"/>
                  <a:gd name="connsiteY325" fmla="*/ 568464 h 714551"/>
                  <a:gd name="connsiteX326" fmla="*/ 628953 w 714552"/>
                  <a:gd name="connsiteY326" fmla="*/ 589050 h 714551"/>
                  <a:gd name="connsiteX327" fmla="*/ 625015 w 714552"/>
                  <a:gd name="connsiteY327" fmla="*/ 593221 h 714551"/>
                  <a:gd name="connsiteX328" fmla="*/ 622466 w 714552"/>
                  <a:gd name="connsiteY328" fmla="*/ 596688 h 714551"/>
                  <a:gd name="connsiteX329" fmla="*/ 602356 w 714552"/>
                  <a:gd name="connsiteY329" fmla="*/ 614903 h 714551"/>
                  <a:gd name="connsiteX330" fmla="*/ 603020 w 714552"/>
                  <a:gd name="connsiteY330" fmla="*/ 616094 h 714551"/>
                  <a:gd name="connsiteX331" fmla="*/ 596409 w 714552"/>
                  <a:gd name="connsiteY331" fmla="*/ 621868 h 714551"/>
                  <a:gd name="connsiteX332" fmla="*/ 595837 w 714552"/>
                  <a:gd name="connsiteY332" fmla="*/ 620806 h 714551"/>
                  <a:gd name="connsiteX333" fmla="*/ 568829 w 714552"/>
                  <a:gd name="connsiteY333" fmla="*/ 645269 h 714551"/>
                  <a:gd name="connsiteX334" fmla="*/ 551809 w 714552"/>
                  <a:gd name="connsiteY334" fmla="*/ 655367 h 714551"/>
                  <a:gd name="connsiteX335" fmla="*/ 554292 w 714552"/>
                  <a:gd name="connsiteY335" fmla="*/ 654736 h 714551"/>
                  <a:gd name="connsiteX336" fmla="*/ 551567 w 714552"/>
                  <a:gd name="connsiteY336" fmla="*/ 656691 h 714551"/>
                  <a:gd name="connsiteX337" fmla="*/ 521934 w 714552"/>
                  <a:gd name="connsiteY337" fmla="*/ 673931 h 714551"/>
                  <a:gd name="connsiteX338" fmla="*/ 515614 w 714552"/>
                  <a:gd name="connsiteY338" fmla="*/ 676839 h 714551"/>
                  <a:gd name="connsiteX339" fmla="*/ 508436 w 714552"/>
                  <a:gd name="connsiteY339" fmla="*/ 681098 h 714551"/>
                  <a:gd name="connsiteX340" fmla="*/ 117864 w 714552"/>
                  <a:gd name="connsiteY340" fmla="*/ 622466 h 714551"/>
                  <a:gd name="connsiteX341" fmla="*/ 87593 w 714552"/>
                  <a:gd name="connsiteY341" fmla="*/ 589044 h 714551"/>
                  <a:gd name="connsiteX342" fmla="*/ 81891 w 714552"/>
                  <a:gd name="connsiteY342" fmla="*/ 588244 h 714551"/>
                  <a:gd name="connsiteX343" fmla="*/ 83326 w 714552"/>
                  <a:gd name="connsiteY343" fmla="*/ 584333 h 714551"/>
                  <a:gd name="connsiteX344" fmla="*/ 69282 w 714552"/>
                  <a:gd name="connsiteY344" fmla="*/ 568828 h 714551"/>
                  <a:gd name="connsiteX345" fmla="*/ 49224 w 714552"/>
                  <a:gd name="connsiteY345" fmla="*/ 176173 h 714551"/>
                  <a:gd name="connsiteX346" fmla="*/ 61800 w 714552"/>
                  <a:gd name="connsiteY346" fmla="*/ 159064 h 714551"/>
                  <a:gd name="connsiteX347" fmla="*/ 63093 w 714552"/>
                  <a:gd name="connsiteY347" fmla="*/ 154269 h 714551"/>
                  <a:gd name="connsiteX348" fmla="*/ 64558 w 714552"/>
                  <a:gd name="connsiteY348" fmla="*/ 151941 h 714551"/>
                  <a:gd name="connsiteX349" fmla="*/ 68847 w 714552"/>
                  <a:gd name="connsiteY349" fmla="*/ 146412 h 714551"/>
                  <a:gd name="connsiteX350" fmla="*/ 67570 w 714552"/>
                  <a:gd name="connsiteY350" fmla="*/ 151215 h 714551"/>
                  <a:gd name="connsiteX351" fmla="*/ 88322 w 714552"/>
                  <a:gd name="connsiteY351" fmla="*/ 122985 h 714551"/>
                  <a:gd name="connsiteX352" fmla="*/ 88384 w 714552"/>
                  <a:gd name="connsiteY352" fmla="*/ 121815 h 714551"/>
                  <a:gd name="connsiteX353" fmla="*/ 91983 w 714552"/>
                  <a:gd name="connsiteY353" fmla="*/ 118005 h 714551"/>
                  <a:gd name="connsiteX354" fmla="*/ 92086 w 714552"/>
                  <a:gd name="connsiteY354" fmla="*/ 117863 h 714551"/>
                  <a:gd name="connsiteX355" fmla="*/ 92290 w 714552"/>
                  <a:gd name="connsiteY355" fmla="*/ 117679 h 714551"/>
                  <a:gd name="connsiteX356" fmla="*/ 98575 w 714552"/>
                  <a:gd name="connsiteY356" fmla="*/ 111021 h 714551"/>
                  <a:gd name="connsiteX357" fmla="*/ 98574 w 714552"/>
                  <a:gd name="connsiteY357" fmla="*/ 111021 h 714551"/>
                  <a:gd name="connsiteX358" fmla="*/ 109194 w 714552"/>
                  <a:gd name="connsiteY358" fmla="*/ 99775 h 714551"/>
                  <a:gd name="connsiteX359" fmla="*/ 110978 w 714552"/>
                  <a:gd name="connsiteY359" fmla="*/ 100753 h 714551"/>
                  <a:gd name="connsiteX360" fmla="*/ 114309 w 714552"/>
                  <a:gd name="connsiteY360" fmla="*/ 97735 h 714551"/>
                  <a:gd name="connsiteX361" fmla="*/ 111203 w 714552"/>
                  <a:gd name="connsiteY361" fmla="*/ 97969 h 714551"/>
                  <a:gd name="connsiteX362" fmla="*/ 135331 w 714552"/>
                  <a:gd name="connsiteY362" fmla="*/ 76894 h 714551"/>
                  <a:gd name="connsiteX363" fmla="*/ 141004 w 714552"/>
                  <a:gd name="connsiteY363" fmla="*/ 72824 h 714551"/>
                  <a:gd name="connsiteX364" fmla="*/ 141764 w 714552"/>
                  <a:gd name="connsiteY364" fmla="*/ 72869 h 714551"/>
                  <a:gd name="connsiteX365" fmla="*/ 145724 w 714552"/>
                  <a:gd name="connsiteY365" fmla="*/ 69282 h 714551"/>
                  <a:gd name="connsiteX366" fmla="*/ 165762 w 714552"/>
                  <a:gd name="connsiteY366" fmla="*/ 57395 h 714551"/>
                  <a:gd name="connsiteX367" fmla="*/ 160785 w 714552"/>
                  <a:gd name="connsiteY367" fmla="*/ 58633 h 714551"/>
                  <a:gd name="connsiteX368" fmla="*/ 163189 w 714552"/>
                  <a:gd name="connsiteY368" fmla="*/ 56907 h 714551"/>
                  <a:gd name="connsiteX369" fmla="*/ 190471 w 714552"/>
                  <a:gd name="connsiteY369" fmla="*/ 42735 h 714551"/>
                  <a:gd name="connsiteX370" fmla="*/ 206116 w 714552"/>
                  <a:gd name="connsiteY370" fmla="*/ 33453 h 714551"/>
                  <a:gd name="connsiteX371" fmla="*/ 213043 w 714552"/>
                  <a:gd name="connsiteY371" fmla="*/ 31009 h 714551"/>
                  <a:gd name="connsiteX372" fmla="*/ 224021 w 714552"/>
                  <a:gd name="connsiteY372" fmla="*/ 25307 h 714551"/>
                  <a:gd name="connsiteX373" fmla="*/ 225919 w 714552"/>
                  <a:gd name="connsiteY373" fmla="*/ 24646 h 714551"/>
                  <a:gd name="connsiteX374" fmla="*/ 231396 w 714552"/>
                  <a:gd name="connsiteY374" fmla="*/ 24535 h 714551"/>
                  <a:gd name="connsiteX375" fmla="*/ 271235 w 714552"/>
                  <a:gd name="connsiteY375" fmla="*/ 10481 h 714551"/>
                  <a:gd name="connsiteX376" fmla="*/ 356186 w 714552"/>
                  <a:gd name="connsiteY376" fmla="*/ 2 h 71455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</a:cxnLst>
                <a:rect l="l" t="t" r="r" b="b"/>
                <a:pathLst>
                  <a:path w="714552" h="714551">
                    <a:moveTo>
                      <a:pt x="328118" y="655919"/>
                    </a:moveTo>
                    <a:lnTo>
                      <a:pt x="259850" y="673497"/>
                    </a:lnTo>
                    <a:lnTo>
                      <a:pt x="310612" y="685762"/>
                    </a:lnTo>
                    <a:cubicBezTo>
                      <a:pt x="352793" y="691715"/>
                      <a:pt x="395818" y="689517"/>
                      <a:pt x="437172" y="679297"/>
                    </a:cubicBezTo>
                    <a:lnTo>
                      <a:pt x="446149" y="676129"/>
                    </a:lnTo>
                    <a:lnTo>
                      <a:pt x="377337" y="671533"/>
                    </a:lnTo>
                    <a:close/>
                    <a:moveTo>
                      <a:pt x="220072" y="602681"/>
                    </a:moveTo>
                    <a:lnTo>
                      <a:pt x="171570" y="630428"/>
                    </a:lnTo>
                    <a:lnTo>
                      <a:pt x="189111" y="643321"/>
                    </a:lnTo>
                    <a:lnTo>
                      <a:pt x="229960" y="662222"/>
                    </a:lnTo>
                    <a:lnTo>
                      <a:pt x="295577" y="645328"/>
                    </a:lnTo>
                    <a:lnTo>
                      <a:pt x="224981" y="606740"/>
                    </a:lnTo>
                    <a:close/>
                    <a:moveTo>
                      <a:pt x="457428" y="594412"/>
                    </a:moveTo>
                    <a:lnTo>
                      <a:pt x="439487" y="606671"/>
                    </a:lnTo>
                    <a:lnTo>
                      <a:pt x="438432" y="611871"/>
                    </a:lnTo>
                    <a:cubicBezTo>
                      <a:pt x="428165" y="636034"/>
                      <a:pt x="404129" y="652989"/>
                      <a:pt x="376114" y="652989"/>
                    </a:cubicBezTo>
                    <a:lnTo>
                      <a:pt x="354792" y="648704"/>
                    </a:lnTo>
                    <a:lnTo>
                      <a:pt x="353229" y="649454"/>
                    </a:lnTo>
                    <a:lnTo>
                      <a:pt x="350275" y="650213"/>
                    </a:lnTo>
                    <a:lnTo>
                      <a:pt x="374823" y="658184"/>
                    </a:lnTo>
                    <a:cubicBezTo>
                      <a:pt x="402311" y="664064"/>
                      <a:pt x="429759" y="666944"/>
                      <a:pt x="456843" y="667043"/>
                    </a:cubicBezTo>
                    <a:lnTo>
                      <a:pt x="477710" y="664995"/>
                    </a:lnTo>
                    <a:lnTo>
                      <a:pt x="497638" y="657965"/>
                    </a:lnTo>
                    <a:cubicBezTo>
                      <a:pt x="517167" y="648859"/>
                      <a:pt x="535964" y="637764"/>
                      <a:pt x="553716" y="624695"/>
                    </a:cubicBezTo>
                    <a:lnTo>
                      <a:pt x="577663" y="603006"/>
                    </a:lnTo>
                    <a:lnTo>
                      <a:pt x="520293" y="603697"/>
                    </a:lnTo>
                    <a:close/>
                    <a:moveTo>
                      <a:pt x="316201" y="538143"/>
                    </a:moveTo>
                    <a:lnTo>
                      <a:pt x="275347" y="571060"/>
                    </a:lnTo>
                    <a:lnTo>
                      <a:pt x="231948" y="595887"/>
                    </a:lnTo>
                    <a:lnTo>
                      <a:pt x="296358" y="632709"/>
                    </a:lnTo>
                    <a:lnTo>
                      <a:pt x="317690" y="639634"/>
                    </a:lnTo>
                    <a:lnTo>
                      <a:pt x="332204" y="635897"/>
                    </a:lnTo>
                    <a:lnTo>
                      <a:pt x="328290" y="633270"/>
                    </a:lnTo>
                    <a:cubicBezTo>
                      <a:pt x="316051" y="621087"/>
                      <a:pt x="308481" y="604257"/>
                      <a:pt x="308481" y="585666"/>
                    </a:cubicBezTo>
                    <a:cubicBezTo>
                      <a:pt x="308481" y="576371"/>
                      <a:pt x="310374" y="567516"/>
                      <a:pt x="313796" y="559461"/>
                    </a:cubicBezTo>
                    <a:lnTo>
                      <a:pt x="324802" y="543212"/>
                    </a:lnTo>
                    <a:lnTo>
                      <a:pt x="319552" y="540630"/>
                    </a:lnTo>
                    <a:close/>
                    <a:moveTo>
                      <a:pt x="538682" y="526760"/>
                    </a:moveTo>
                    <a:lnTo>
                      <a:pt x="502253" y="563783"/>
                    </a:lnTo>
                    <a:lnTo>
                      <a:pt x="479974" y="579006"/>
                    </a:lnTo>
                    <a:lnTo>
                      <a:pt x="555317" y="582502"/>
                    </a:lnTo>
                    <a:lnTo>
                      <a:pt x="573402" y="580085"/>
                    </a:lnTo>
                    <a:close/>
                    <a:moveTo>
                      <a:pt x="130738" y="516300"/>
                    </a:moveTo>
                    <a:lnTo>
                      <a:pt x="107672" y="573385"/>
                    </a:lnTo>
                    <a:lnTo>
                      <a:pt x="134967" y="603521"/>
                    </a:lnTo>
                    <a:lnTo>
                      <a:pt x="155115" y="618332"/>
                    </a:lnTo>
                    <a:lnTo>
                      <a:pt x="156019" y="617950"/>
                    </a:lnTo>
                    <a:lnTo>
                      <a:pt x="204793" y="590049"/>
                    </a:lnTo>
                    <a:lnTo>
                      <a:pt x="163347" y="555778"/>
                    </a:lnTo>
                    <a:close/>
                    <a:moveTo>
                      <a:pt x="615643" y="493637"/>
                    </a:moveTo>
                    <a:lnTo>
                      <a:pt x="612283" y="495891"/>
                    </a:lnTo>
                    <a:cubicBezTo>
                      <a:pt x="604192" y="499298"/>
                      <a:pt x="595295" y="501182"/>
                      <a:pt x="585957" y="501182"/>
                    </a:cubicBezTo>
                    <a:lnTo>
                      <a:pt x="567500" y="497473"/>
                    </a:lnTo>
                    <a:lnTo>
                      <a:pt x="543971" y="521386"/>
                    </a:lnTo>
                    <a:lnTo>
                      <a:pt x="582269" y="578902"/>
                    </a:lnTo>
                    <a:lnTo>
                      <a:pt x="606394" y="575678"/>
                    </a:lnTo>
                    <a:lnTo>
                      <a:pt x="625800" y="549279"/>
                    </a:lnTo>
                    <a:lnTo>
                      <a:pt x="620151" y="508473"/>
                    </a:lnTo>
                    <a:close/>
                    <a:moveTo>
                      <a:pt x="201629" y="438704"/>
                    </a:moveTo>
                    <a:lnTo>
                      <a:pt x="192533" y="452135"/>
                    </a:lnTo>
                    <a:cubicBezTo>
                      <a:pt x="183487" y="461140"/>
                      <a:pt x="170989" y="466709"/>
                      <a:pt x="157185" y="466709"/>
                    </a:cubicBezTo>
                    <a:lnTo>
                      <a:pt x="154581" y="466186"/>
                    </a:lnTo>
                    <a:lnTo>
                      <a:pt x="141593" y="489433"/>
                    </a:lnTo>
                    <a:lnTo>
                      <a:pt x="136775" y="501359"/>
                    </a:lnTo>
                    <a:lnTo>
                      <a:pt x="167148" y="540728"/>
                    </a:lnTo>
                    <a:lnTo>
                      <a:pt x="216087" y="583587"/>
                    </a:lnTo>
                    <a:lnTo>
                      <a:pt x="268827" y="553416"/>
                    </a:lnTo>
                    <a:lnTo>
                      <a:pt x="301409" y="527166"/>
                    </a:lnTo>
                    <a:lnTo>
                      <a:pt x="239295" y="481073"/>
                    </a:lnTo>
                    <a:close/>
                    <a:moveTo>
                      <a:pt x="75148" y="424623"/>
                    </a:moveTo>
                    <a:lnTo>
                      <a:pt x="68128" y="517092"/>
                    </a:lnTo>
                    <a:lnTo>
                      <a:pt x="89856" y="553715"/>
                    </a:lnTo>
                    <a:lnTo>
                      <a:pt x="93201" y="557408"/>
                    </a:lnTo>
                    <a:lnTo>
                      <a:pt x="100678" y="537022"/>
                    </a:lnTo>
                    <a:lnTo>
                      <a:pt x="117560" y="500348"/>
                    </a:lnTo>
                    <a:lnTo>
                      <a:pt x="113149" y="495007"/>
                    </a:lnTo>
                    <a:cubicBezTo>
                      <a:pt x="98468" y="473330"/>
                      <a:pt x="85909" y="450339"/>
                      <a:pt x="75692" y="426356"/>
                    </a:cubicBezTo>
                    <a:close/>
                    <a:moveTo>
                      <a:pt x="453263" y="411388"/>
                    </a:moveTo>
                    <a:lnTo>
                      <a:pt x="389873" y="478786"/>
                    </a:lnTo>
                    <a:lnTo>
                      <a:pt x="328297" y="528399"/>
                    </a:lnTo>
                    <a:lnTo>
                      <a:pt x="331685" y="530813"/>
                    </a:lnTo>
                    <a:lnTo>
                      <a:pt x="336204" y="532751"/>
                    </a:lnTo>
                    <a:lnTo>
                      <a:pt x="349788" y="523634"/>
                    </a:lnTo>
                    <a:cubicBezTo>
                      <a:pt x="357880" y="520227"/>
                      <a:pt x="366776" y="518343"/>
                      <a:pt x="376114" y="518343"/>
                    </a:cubicBezTo>
                    <a:cubicBezTo>
                      <a:pt x="404129" y="518343"/>
                      <a:pt x="428165" y="535298"/>
                      <a:pt x="438432" y="559461"/>
                    </a:cubicBezTo>
                    <a:lnTo>
                      <a:pt x="440604" y="570167"/>
                    </a:lnTo>
                    <a:lnTo>
                      <a:pt x="454963" y="573453"/>
                    </a:lnTo>
                    <a:lnTo>
                      <a:pt x="488068" y="550832"/>
                    </a:lnTo>
                    <a:lnTo>
                      <a:pt x="527959" y="510293"/>
                    </a:lnTo>
                    <a:lnTo>
                      <a:pt x="504045" y="473567"/>
                    </a:lnTo>
                    <a:close/>
                    <a:moveTo>
                      <a:pt x="651346" y="349532"/>
                    </a:moveTo>
                    <a:lnTo>
                      <a:pt x="643454" y="380614"/>
                    </a:lnTo>
                    <a:lnTo>
                      <a:pt x="637207" y="391313"/>
                    </a:lnTo>
                    <a:lnTo>
                      <a:pt x="648275" y="407654"/>
                    </a:lnTo>
                    <a:cubicBezTo>
                      <a:pt x="651698" y="415709"/>
                      <a:pt x="653590" y="424564"/>
                      <a:pt x="653590" y="433859"/>
                    </a:cubicBezTo>
                    <a:cubicBezTo>
                      <a:pt x="653590" y="452450"/>
                      <a:pt x="646020" y="469280"/>
                      <a:pt x="633781" y="481464"/>
                    </a:cubicBezTo>
                    <a:lnTo>
                      <a:pt x="624550" y="487659"/>
                    </a:lnTo>
                    <a:lnTo>
                      <a:pt x="638611" y="531850"/>
                    </a:lnTo>
                    <a:lnTo>
                      <a:pt x="643322" y="525441"/>
                    </a:lnTo>
                    <a:lnTo>
                      <a:pt x="659115" y="491310"/>
                    </a:lnTo>
                    <a:lnTo>
                      <a:pt x="663936" y="445312"/>
                    </a:lnTo>
                    <a:cubicBezTo>
                      <a:pt x="663838" y="415662"/>
                      <a:pt x="660529" y="386032"/>
                      <a:pt x="653947" y="356979"/>
                    </a:cubicBezTo>
                    <a:close/>
                    <a:moveTo>
                      <a:pt x="524331" y="319279"/>
                    </a:moveTo>
                    <a:lnTo>
                      <a:pt x="471043" y="392481"/>
                    </a:lnTo>
                    <a:lnTo>
                      <a:pt x="458035" y="406314"/>
                    </a:lnTo>
                    <a:lnTo>
                      <a:pt x="506980" y="465833"/>
                    </a:lnTo>
                    <a:lnTo>
                      <a:pt x="533103" y="505065"/>
                    </a:lnTo>
                    <a:lnTo>
                      <a:pt x="549090" y="488817"/>
                    </a:lnTo>
                    <a:lnTo>
                      <a:pt x="538133" y="481464"/>
                    </a:lnTo>
                    <a:cubicBezTo>
                      <a:pt x="525894" y="469280"/>
                      <a:pt x="518324" y="452450"/>
                      <a:pt x="518324" y="433859"/>
                    </a:cubicBezTo>
                    <a:cubicBezTo>
                      <a:pt x="518324" y="405973"/>
                      <a:pt x="535357" y="382047"/>
                      <a:pt x="559631" y="371827"/>
                    </a:cubicBezTo>
                    <a:lnTo>
                      <a:pt x="567027" y="370340"/>
                    </a:lnTo>
                    <a:lnTo>
                      <a:pt x="561361" y="358622"/>
                    </a:lnTo>
                    <a:lnTo>
                      <a:pt x="534247" y="319439"/>
                    </a:lnTo>
                    <a:lnTo>
                      <a:pt x="529686" y="320355"/>
                    </a:lnTo>
                    <a:close/>
                    <a:moveTo>
                      <a:pt x="114964" y="291459"/>
                    </a:moveTo>
                    <a:lnTo>
                      <a:pt x="100667" y="319901"/>
                    </a:lnTo>
                    <a:lnTo>
                      <a:pt x="78819" y="391679"/>
                    </a:lnTo>
                    <a:lnTo>
                      <a:pt x="83230" y="407279"/>
                    </a:lnTo>
                    <a:cubicBezTo>
                      <a:pt x="92886" y="432094"/>
                      <a:pt x="104846" y="455841"/>
                      <a:pt x="118903" y="478193"/>
                    </a:cubicBezTo>
                    <a:lnTo>
                      <a:pt x="124449" y="485383"/>
                    </a:lnTo>
                    <a:lnTo>
                      <a:pt x="135525" y="461320"/>
                    </a:lnTo>
                    <a:lnTo>
                      <a:pt x="121838" y="452135"/>
                    </a:lnTo>
                    <a:cubicBezTo>
                      <a:pt x="112792" y="443130"/>
                      <a:pt x="107196" y="430690"/>
                      <a:pt x="107196" y="416949"/>
                    </a:cubicBezTo>
                    <a:cubicBezTo>
                      <a:pt x="107196" y="396338"/>
                      <a:pt x="119786" y="378653"/>
                      <a:pt x="137727" y="371099"/>
                    </a:cubicBezTo>
                    <a:lnTo>
                      <a:pt x="151152" y="368402"/>
                    </a:lnTo>
                    <a:lnTo>
                      <a:pt x="125200" y="323068"/>
                    </a:lnTo>
                    <a:close/>
                    <a:moveTo>
                      <a:pt x="304082" y="255373"/>
                    </a:moveTo>
                    <a:lnTo>
                      <a:pt x="252096" y="313710"/>
                    </a:lnTo>
                    <a:lnTo>
                      <a:pt x="197735" y="389444"/>
                    </a:lnTo>
                    <a:lnTo>
                      <a:pt x="203246" y="397580"/>
                    </a:lnTo>
                    <a:cubicBezTo>
                      <a:pt x="205775" y="403533"/>
                      <a:pt x="207174" y="410079"/>
                      <a:pt x="207174" y="416949"/>
                    </a:cubicBezTo>
                    <a:lnTo>
                      <a:pt x="205611" y="424658"/>
                    </a:lnTo>
                    <a:lnTo>
                      <a:pt x="243671" y="468093"/>
                    </a:lnTo>
                    <a:lnTo>
                      <a:pt x="313217" y="517652"/>
                    </a:lnTo>
                    <a:lnTo>
                      <a:pt x="377623" y="465761"/>
                    </a:lnTo>
                    <a:cubicBezTo>
                      <a:pt x="398646" y="445987"/>
                      <a:pt x="418382" y="425593"/>
                      <a:pt x="436779" y="404754"/>
                    </a:cubicBezTo>
                    <a:lnTo>
                      <a:pt x="442266" y="397923"/>
                    </a:lnTo>
                    <a:lnTo>
                      <a:pt x="412554" y="361545"/>
                    </a:lnTo>
                    <a:lnTo>
                      <a:pt x="401880" y="350583"/>
                    </a:lnTo>
                    <a:lnTo>
                      <a:pt x="398709" y="358202"/>
                    </a:lnTo>
                    <a:cubicBezTo>
                      <a:pt x="391007" y="365869"/>
                      <a:pt x="380366" y="370611"/>
                      <a:pt x="368613" y="370611"/>
                    </a:cubicBezTo>
                    <a:cubicBezTo>
                      <a:pt x="345107" y="370611"/>
                      <a:pt x="326051" y="351643"/>
                      <a:pt x="326051" y="328244"/>
                    </a:cubicBezTo>
                    <a:cubicBezTo>
                      <a:pt x="326051" y="316545"/>
                      <a:pt x="330815" y="305953"/>
                      <a:pt x="338518" y="298286"/>
                    </a:cubicBezTo>
                    <a:lnTo>
                      <a:pt x="347393" y="294627"/>
                    </a:lnTo>
                    <a:lnTo>
                      <a:pt x="341132" y="288197"/>
                    </a:lnTo>
                    <a:close/>
                    <a:moveTo>
                      <a:pt x="667370" y="243573"/>
                    </a:moveTo>
                    <a:lnTo>
                      <a:pt x="669797" y="276858"/>
                    </a:lnTo>
                    <a:lnTo>
                      <a:pt x="657009" y="327228"/>
                    </a:lnTo>
                    <a:lnTo>
                      <a:pt x="664540" y="347419"/>
                    </a:lnTo>
                    <a:cubicBezTo>
                      <a:pt x="671983" y="376655"/>
                      <a:pt x="676218" y="406357"/>
                      <a:pt x="677292" y="435974"/>
                    </a:cubicBezTo>
                    <a:lnTo>
                      <a:pt x="676990" y="440247"/>
                    </a:lnTo>
                    <a:lnTo>
                      <a:pt x="685763" y="403940"/>
                    </a:lnTo>
                    <a:cubicBezTo>
                      <a:pt x="691716" y="361759"/>
                      <a:pt x="689518" y="318734"/>
                      <a:pt x="679297" y="277380"/>
                    </a:cubicBezTo>
                    <a:close/>
                    <a:moveTo>
                      <a:pt x="47768" y="239816"/>
                    </a:moveTo>
                    <a:lnTo>
                      <a:pt x="43849" y="248286"/>
                    </a:lnTo>
                    <a:cubicBezTo>
                      <a:pt x="22645" y="309351"/>
                      <a:pt x="19924" y="375139"/>
                      <a:pt x="35255" y="437171"/>
                    </a:cubicBezTo>
                    <a:lnTo>
                      <a:pt x="50922" y="481583"/>
                    </a:lnTo>
                    <a:lnTo>
                      <a:pt x="57677" y="392611"/>
                    </a:lnTo>
                    <a:lnTo>
                      <a:pt x="61334" y="380598"/>
                    </a:lnTo>
                    <a:lnTo>
                      <a:pt x="52281" y="351749"/>
                    </a:lnTo>
                    <a:cubicBezTo>
                      <a:pt x="46964" y="326101"/>
                      <a:pt x="44205" y="299783"/>
                      <a:pt x="44222" y="273115"/>
                    </a:cubicBezTo>
                    <a:close/>
                    <a:moveTo>
                      <a:pt x="585900" y="211697"/>
                    </a:moveTo>
                    <a:lnTo>
                      <a:pt x="569482" y="241976"/>
                    </a:lnTo>
                    <a:lnTo>
                      <a:pt x="575747" y="251226"/>
                    </a:lnTo>
                    <a:cubicBezTo>
                      <a:pt x="578276" y="257179"/>
                      <a:pt x="579675" y="263725"/>
                      <a:pt x="579675" y="270595"/>
                    </a:cubicBezTo>
                    <a:cubicBezTo>
                      <a:pt x="579675" y="291207"/>
                      <a:pt x="567086" y="308891"/>
                      <a:pt x="549144" y="316445"/>
                    </a:cubicBezTo>
                    <a:lnTo>
                      <a:pt x="547889" y="316697"/>
                    </a:lnTo>
                    <a:lnTo>
                      <a:pt x="562398" y="336996"/>
                    </a:lnTo>
                    <a:lnTo>
                      <a:pt x="579134" y="367907"/>
                    </a:lnTo>
                    <a:lnTo>
                      <a:pt x="585957" y="366536"/>
                    </a:lnTo>
                    <a:cubicBezTo>
                      <a:pt x="595295" y="366536"/>
                      <a:pt x="604192" y="368420"/>
                      <a:pt x="612283" y="371827"/>
                    </a:cubicBezTo>
                    <a:lnTo>
                      <a:pt x="621509" y="378019"/>
                    </a:lnTo>
                    <a:lnTo>
                      <a:pt x="622202" y="376832"/>
                    </a:lnTo>
                    <a:lnTo>
                      <a:pt x="638486" y="312699"/>
                    </a:lnTo>
                    <a:lnTo>
                      <a:pt x="624308" y="272094"/>
                    </a:lnTo>
                    <a:close/>
                    <a:moveTo>
                      <a:pt x="388134" y="179850"/>
                    </a:moveTo>
                    <a:lnTo>
                      <a:pt x="376939" y="187786"/>
                    </a:lnTo>
                    <a:cubicBezTo>
                      <a:pt x="355091" y="205319"/>
                      <a:pt x="333606" y="224655"/>
                      <a:pt x="312720" y="245682"/>
                    </a:cubicBezTo>
                    <a:lnTo>
                      <a:pt x="309775" y="248985"/>
                    </a:lnTo>
                    <a:lnTo>
                      <a:pt x="339714" y="275893"/>
                    </a:lnTo>
                    <a:lnTo>
                      <a:pt x="354878" y="291540"/>
                    </a:lnTo>
                    <a:lnTo>
                      <a:pt x="368613" y="285877"/>
                    </a:lnTo>
                    <a:cubicBezTo>
                      <a:pt x="392119" y="285877"/>
                      <a:pt x="411175" y="304845"/>
                      <a:pt x="411175" y="328244"/>
                    </a:cubicBezTo>
                    <a:lnTo>
                      <a:pt x="404950" y="343205"/>
                    </a:lnTo>
                    <a:lnTo>
                      <a:pt x="412779" y="351283"/>
                    </a:lnTo>
                    <a:lnTo>
                      <a:pt x="446647" y="392467"/>
                    </a:lnTo>
                    <a:lnTo>
                      <a:pt x="487912" y="341085"/>
                    </a:lnTo>
                    <a:lnTo>
                      <a:pt x="504608" y="312673"/>
                    </a:lnTo>
                    <a:lnTo>
                      <a:pt x="494339" y="305781"/>
                    </a:lnTo>
                    <a:cubicBezTo>
                      <a:pt x="485292" y="296776"/>
                      <a:pt x="479697" y="284336"/>
                      <a:pt x="479697" y="270595"/>
                    </a:cubicBezTo>
                    <a:lnTo>
                      <a:pt x="482182" y="258345"/>
                    </a:lnTo>
                    <a:lnTo>
                      <a:pt x="427474" y="204358"/>
                    </a:lnTo>
                    <a:close/>
                    <a:moveTo>
                      <a:pt x="199223" y="171542"/>
                    </a:moveTo>
                    <a:lnTo>
                      <a:pt x="135497" y="250607"/>
                    </a:lnTo>
                    <a:lnTo>
                      <a:pt x="123377" y="274720"/>
                    </a:lnTo>
                    <a:lnTo>
                      <a:pt x="134248" y="312031"/>
                    </a:lnTo>
                    <a:lnTo>
                      <a:pt x="165241" y="368808"/>
                    </a:lnTo>
                    <a:lnTo>
                      <a:pt x="176643" y="371099"/>
                    </a:lnTo>
                    <a:lnTo>
                      <a:pt x="184928" y="376660"/>
                    </a:lnTo>
                    <a:lnTo>
                      <a:pt x="239979" y="299965"/>
                    </a:lnTo>
                    <a:lnTo>
                      <a:pt x="290467" y="243311"/>
                    </a:lnTo>
                    <a:lnTo>
                      <a:pt x="268528" y="223873"/>
                    </a:lnTo>
                    <a:lnTo>
                      <a:pt x="248270" y="208577"/>
                    </a:lnTo>
                    <a:lnTo>
                      <a:pt x="241838" y="207284"/>
                    </a:lnTo>
                    <a:cubicBezTo>
                      <a:pt x="233747" y="203878"/>
                      <a:pt x="226460" y="198948"/>
                      <a:pt x="220340" y="192856"/>
                    </a:cubicBezTo>
                    <a:lnTo>
                      <a:pt x="212897" y="181866"/>
                    </a:lnTo>
                    <a:close/>
                    <a:moveTo>
                      <a:pt x="89292" y="164538"/>
                    </a:moveTo>
                    <a:lnTo>
                      <a:pt x="71230" y="189109"/>
                    </a:lnTo>
                    <a:lnTo>
                      <a:pt x="58082" y="217524"/>
                    </a:lnTo>
                    <a:lnTo>
                      <a:pt x="54597" y="248257"/>
                    </a:lnTo>
                    <a:cubicBezTo>
                      <a:pt x="54207" y="276009"/>
                      <a:pt x="56536" y="303358"/>
                      <a:pt x="61377" y="329972"/>
                    </a:cubicBezTo>
                    <a:lnTo>
                      <a:pt x="68776" y="356146"/>
                    </a:lnTo>
                    <a:lnTo>
                      <a:pt x="82317" y="311660"/>
                    </a:lnTo>
                    <a:lnTo>
                      <a:pt x="106151" y="264244"/>
                    </a:lnTo>
                    <a:lnTo>
                      <a:pt x="96528" y="234535"/>
                    </a:lnTo>
                    <a:close/>
                    <a:moveTo>
                      <a:pt x="335438" y="147023"/>
                    </a:moveTo>
                    <a:lnTo>
                      <a:pt x="330482" y="171457"/>
                    </a:lnTo>
                    <a:cubicBezTo>
                      <a:pt x="323638" y="187566"/>
                      <a:pt x="310673" y="200471"/>
                      <a:pt x="294490" y="207284"/>
                    </a:cubicBezTo>
                    <a:lnTo>
                      <a:pt x="269065" y="212394"/>
                    </a:lnTo>
                    <a:lnTo>
                      <a:pt x="296247" y="236824"/>
                    </a:lnTo>
                    <a:lnTo>
                      <a:pt x="303795" y="228353"/>
                    </a:lnTo>
                    <a:lnTo>
                      <a:pt x="370075" y="168602"/>
                    </a:lnTo>
                    <a:close/>
                    <a:moveTo>
                      <a:pt x="610571" y="145240"/>
                    </a:moveTo>
                    <a:lnTo>
                      <a:pt x="591321" y="197895"/>
                    </a:lnTo>
                    <a:lnTo>
                      <a:pt x="632549" y="261660"/>
                    </a:lnTo>
                    <a:lnTo>
                      <a:pt x="643791" y="291798"/>
                    </a:lnTo>
                    <a:lnTo>
                      <a:pt x="647227" y="278269"/>
                    </a:lnTo>
                    <a:lnTo>
                      <a:pt x="640623" y="187681"/>
                    </a:lnTo>
                    <a:lnTo>
                      <a:pt x="624696" y="160835"/>
                    </a:lnTo>
                    <a:close/>
                    <a:moveTo>
                      <a:pt x="123273" y="123877"/>
                    </a:moveTo>
                    <a:lnTo>
                      <a:pt x="111030" y="134966"/>
                    </a:lnTo>
                    <a:lnTo>
                      <a:pt x="103045" y="145830"/>
                    </a:lnTo>
                    <a:lnTo>
                      <a:pt x="108418" y="223381"/>
                    </a:lnTo>
                    <a:lnTo>
                      <a:pt x="115123" y="246394"/>
                    </a:lnTo>
                    <a:lnTo>
                      <a:pt x="118983" y="238715"/>
                    </a:lnTo>
                    <a:cubicBezTo>
                      <a:pt x="129518" y="221576"/>
                      <a:pt x="141031" y="205298"/>
                      <a:pt x="153408" y="189961"/>
                    </a:cubicBezTo>
                    <a:lnTo>
                      <a:pt x="181108" y="159818"/>
                    </a:lnTo>
                    <a:lnTo>
                      <a:pt x="125841" y="125213"/>
                    </a:lnTo>
                    <a:close/>
                    <a:moveTo>
                      <a:pt x="491029" y="116871"/>
                    </a:moveTo>
                    <a:lnTo>
                      <a:pt x="443339" y="140715"/>
                    </a:lnTo>
                    <a:lnTo>
                      <a:pt x="402963" y="169337"/>
                    </a:lnTo>
                    <a:lnTo>
                      <a:pt x="450243" y="204546"/>
                    </a:lnTo>
                    <a:lnTo>
                      <a:pt x="488338" y="244269"/>
                    </a:lnTo>
                    <a:lnTo>
                      <a:pt x="494339" y="235409"/>
                    </a:lnTo>
                    <a:cubicBezTo>
                      <a:pt x="503385" y="226405"/>
                      <a:pt x="515882" y="220835"/>
                      <a:pt x="529686" y="220835"/>
                    </a:cubicBezTo>
                    <a:cubicBezTo>
                      <a:pt x="536588" y="220835"/>
                      <a:pt x="543164" y="222227"/>
                      <a:pt x="549144" y="224745"/>
                    </a:cubicBezTo>
                    <a:lnTo>
                      <a:pt x="554261" y="228179"/>
                    </a:lnTo>
                    <a:lnTo>
                      <a:pt x="564930" y="210023"/>
                    </a:lnTo>
                    <a:lnTo>
                      <a:pt x="571873" y="191034"/>
                    </a:lnTo>
                    <a:lnTo>
                      <a:pt x="535575" y="152338"/>
                    </a:lnTo>
                    <a:cubicBezTo>
                      <a:pt x="521766" y="139583"/>
                      <a:pt x="507209" y="127955"/>
                      <a:pt x="492030" y="117465"/>
                    </a:cubicBezTo>
                    <a:close/>
                    <a:moveTo>
                      <a:pt x="149397" y="100216"/>
                    </a:moveTo>
                    <a:lnTo>
                      <a:pt x="133681" y="114451"/>
                    </a:lnTo>
                    <a:lnTo>
                      <a:pt x="189461" y="150730"/>
                    </a:lnTo>
                    <a:lnTo>
                      <a:pt x="193017" y="146860"/>
                    </a:lnTo>
                    <a:lnTo>
                      <a:pt x="201456" y="140692"/>
                    </a:lnTo>
                    <a:lnTo>
                      <a:pt x="205846" y="119047"/>
                    </a:lnTo>
                    <a:lnTo>
                      <a:pt x="214270" y="106610"/>
                    </a:lnTo>
                    <a:close/>
                    <a:moveTo>
                      <a:pt x="551006" y="90021"/>
                    </a:moveTo>
                    <a:lnTo>
                      <a:pt x="532814" y="95982"/>
                    </a:lnTo>
                    <a:lnTo>
                      <a:pt x="504524" y="110125"/>
                    </a:lnTo>
                    <a:lnTo>
                      <a:pt x="529575" y="128577"/>
                    </a:lnTo>
                    <a:lnTo>
                      <a:pt x="576789" y="177584"/>
                    </a:lnTo>
                    <a:lnTo>
                      <a:pt x="594929" y="127970"/>
                    </a:lnTo>
                    <a:lnTo>
                      <a:pt x="579586" y="111030"/>
                    </a:lnTo>
                    <a:close/>
                    <a:moveTo>
                      <a:pt x="383383" y="66055"/>
                    </a:moveTo>
                    <a:lnTo>
                      <a:pt x="309627" y="93378"/>
                    </a:lnTo>
                    <a:lnTo>
                      <a:pt x="315988" y="97648"/>
                    </a:lnTo>
                    <a:cubicBezTo>
                      <a:pt x="322108" y="103739"/>
                      <a:pt x="327060" y="110993"/>
                      <a:pt x="330482" y="119047"/>
                    </a:cubicBezTo>
                    <a:lnTo>
                      <a:pt x="331969" y="126377"/>
                    </a:lnTo>
                    <a:lnTo>
                      <a:pt x="374074" y="147823"/>
                    </a:lnTo>
                    <a:lnTo>
                      <a:pt x="386244" y="156886"/>
                    </a:lnTo>
                    <a:lnTo>
                      <a:pt x="441299" y="117856"/>
                    </a:lnTo>
                    <a:lnTo>
                      <a:pt x="469184" y="103915"/>
                    </a:lnTo>
                    <a:lnTo>
                      <a:pt x="444756" y="89425"/>
                    </a:lnTo>
                    <a:cubicBezTo>
                      <a:pt x="428460" y="81224"/>
                      <a:pt x="411670" y="74174"/>
                      <a:pt x="394511" y="68285"/>
                    </a:cubicBezTo>
                    <a:close/>
                    <a:moveTo>
                      <a:pt x="494347" y="56841"/>
                    </a:moveTo>
                    <a:lnTo>
                      <a:pt x="422186" y="60928"/>
                    </a:lnTo>
                    <a:lnTo>
                      <a:pt x="471636" y="85897"/>
                    </a:lnTo>
                    <a:lnTo>
                      <a:pt x="485214" y="95900"/>
                    </a:lnTo>
                    <a:lnTo>
                      <a:pt x="529133" y="73942"/>
                    </a:lnTo>
                    <a:lnTo>
                      <a:pt x="525442" y="71229"/>
                    </a:lnTo>
                    <a:close/>
                    <a:moveTo>
                      <a:pt x="288153" y="46979"/>
                    </a:moveTo>
                    <a:lnTo>
                      <a:pt x="234166" y="50500"/>
                    </a:lnTo>
                    <a:lnTo>
                      <a:pt x="216915" y="56586"/>
                    </a:lnTo>
                    <a:lnTo>
                      <a:pt x="182785" y="76834"/>
                    </a:lnTo>
                    <a:lnTo>
                      <a:pt x="209134" y="80986"/>
                    </a:lnTo>
                    <a:lnTo>
                      <a:pt x="233927" y="88530"/>
                    </a:lnTo>
                    <a:lnTo>
                      <a:pt x="241838" y="83220"/>
                    </a:lnTo>
                    <a:cubicBezTo>
                      <a:pt x="249930" y="79813"/>
                      <a:pt x="258826" y="77929"/>
                      <a:pt x="268164" y="77929"/>
                    </a:cubicBezTo>
                    <a:lnTo>
                      <a:pt x="283200" y="80951"/>
                    </a:lnTo>
                    <a:lnTo>
                      <a:pt x="285081" y="79576"/>
                    </a:lnTo>
                    <a:lnTo>
                      <a:pt x="343270" y="58020"/>
                    </a:lnTo>
                    <a:close/>
                    <a:moveTo>
                      <a:pt x="340351" y="25957"/>
                    </a:moveTo>
                    <a:lnTo>
                      <a:pt x="313464" y="29926"/>
                    </a:lnTo>
                    <a:lnTo>
                      <a:pt x="342538" y="33543"/>
                    </a:lnTo>
                    <a:lnTo>
                      <a:pt x="378845" y="44841"/>
                    </a:lnTo>
                    <a:lnTo>
                      <a:pt x="389757" y="40799"/>
                    </a:lnTo>
                    <a:lnTo>
                      <a:pt x="441514" y="37867"/>
                    </a:lnTo>
                    <a:lnTo>
                      <a:pt x="403941" y="28789"/>
                    </a:lnTo>
                    <a:cubicBezTo>
                      <a:pt x="382850" y="25813"/>
                      <a:pt x="361548" y="24873"/>
                      <a:pt x="340351" y="25957"/>
                    </a:cubicBezTo>
                    <a:close/>
                    <a:moveTo>
                      <a:pt x="356186" y="2"/>
                    </a:moveTo>
                    <a:cubicBezTo>
                      <a:pt x="441923" y="-286"/>
                      <a:pt x="528035" y="30105"/>
                      <a:pt x="596689" y="92086"/>
                    </a:cubicBezTo>
                    <a:lnTo>
                      <a:pt x="616572" y="114039"/>
                    </a:lnTo>
                    <a:lnTo>
                      <a:pt x="620730" y="116955"/>
                    </a:lnTo>
                    <a:lnTo>
                      <a:pt x="620423" y="118290"/>
                    </a:lnTo>
                    <a:lnTo>
                      <a:pt x="645269" y="145724"/>
                    </a:lnTo>
                    <a:lnTo>
                      <a:pt x="658367" y="167801"/>
                    </a:lnTo>
                    <a:lnTo>
                      <a:pt x="660378" y="166925"/>
                    </a:lnTo>
                    <a:lnTo>
                      <a:pt x="662200" y="172636"/>
                    </a:lnTo>
                    <a:lnTo>
                      <a:pt x="662335" y="174488"/>
                    </a:lnTo>
                    <a:lnTo>
                      <a:pt x="681099" y="206115"/>
                    </a:lnTo>
                    <a:cubicBezTo>
                      <a:pt x="720323" y="290240"/>
                      <a:pt x="725264" y="386966"/>
                      <a:pt x="694817" y="474650"/>
                    </a:cubicBezTo>
                    <a:lnTo>
                      <a:pt x="670187" y="527879"/>
                    </a:lnTo>
                    <a:lnTo>
                      <a:pt x="669572" y="530550"/>
                    </a:lnTo>
                    <a:lnTo>
                      <a:pt x="668813" y="532071"/>
                    </a:lnTo>
                    <a:lnTo>
                      <a:pt x="666674" y="535472"/>
                    </a:lnTo>
                    <a:lnTo>
                      <a:pt x="665329" y="538379"/>
                    </a:lnTo>
                    <a:lnTo>
                      <a:pt x="661969" y="542950"/>
                    </a:lnTo>
                    <a:lnTo>
                      <a:pt x="650198" y="561656"/>
                    </a:lnTo>
                    <a:lnTo>
                      <a:pt x="645757" y="567383"/>
                    </a:lnTo>
                    <a:lnTo>
                      <a:pt x="646743" y="563662"/>
                    </a:lnTo>
                    <a:lnTo>
                      <a:pt x="643528" y="568036"/>
                    </a:lnTo>
                    <a:lnTo>
                      <a:pt x="643635" y="568822"/>
                    </a:lnTo>
                    <a:lnTo>
                      <a:pt x="644920" y="568464"/>
                    </a:lnTo>
                    <a:lnTo>
                      <a:pt x="628953" y="589050"/>
                    </a:lnTo>
                    <a:lnTo>
                      <a:pt x="625015" y="593221"/>
                    </a:lnTo>
                    <a:lnTo>
                      <a:pt x="622466" y="596688"/>
                    </a:lnTo>
                    <a:lnTo>
                      <a:pt x="602356" y="614903"/>
                    </a:lnTo>
                    <a:lnTo>
                      <a:pt x="603020" y="616094"/>
                    </a:lnTo>
                    <a:lnTo>
                      <a:pt x="596409" y="621868"/>
                    </a:lnTo>
                    <a:lnTo>
                      <a:pt x="595837" y="620806"/>
                    </a:lnTo>
                    <a:lnTo>
                      <a:pt x="568829" y="645269"/>
                    </a:lnTo>
                    <a:lnTo>
                      <a:pt x="551809" y="655367"/>
                    </a:lnTo>
                    <a:lnTo>
                      <a:pt x="554292" y="654736"/>
                    </a:lnTo>
                    <a:lnTo>
                      <a:pt x="551567" y="656691"/>
                    </a:lnTo>
                    <a:cubicBezTo>
                      <a:pt x="541974" y="662903"/>
                      <a:pt x="532084" y="668657"/>
                      <a:pt x="521934" y="673931"/>
                    </a:cubicBezTo>
                    <a:lnTo>
                      <a:pt x="515614" y="676839"/>
                    </a:lnTo>
                    <a:lnTo>
                      <a:pt x="508436" y="681098"/>
                    </a:lnTo>
                    <a:cubicBezTo>
                      <a:pt x="382250" y="739934"/>
                      <a:pt x="227709" y="721633"/>
                      <a:pt x="117864" y="622466"/>
                    </a:cubicBezTo>
                    <a:lnTo>
                      <a:pt x="87593" y="589044"/>
                    </a:lnTo>
                    <a:lnTo>
                      <a:pt x="81891" y="588244"/>
                    </a:lnTo>
                    <a:lnTo>
                      <a:pt x="83326" y="584333"/>
                    </a:lnTo>
                    <a:lnTo>
                      <a:pt x="69282" y="568828"/>
                    </a:lnTo>
                    <a:cubicBezTo>
                      <a:pt x="-15162" y="454121"/>
                      <a:pt x="-23092" y="298887"/>
                      <a:pt x="49224" y="176173"/>
                    </a:cubicBezTo>
                    <a:lnTo>
                      <a:pt x="61800" y="159064"/>
                    </a:lnTo>
                    <a:lnTo>
                      <a:pt x="63093" y="154269"/>
                    </a:lnTo>
                    <a:lnTo>
                      <a:pt x="64558" y="151941"/>
                    </a:lnTo>
                    <a:lnTo>
                      <a:pt x="68847" y="146412"/>
                    </a:lnTo>
                    <a:lnTo>
                      <a:pt x="67570" y="151215"/>
                    </a:lnTo>
                    <a:lnTo>
                      <a:pt x="88322" y="122985"/>
                    </a:lnTo>
                    <a:lnTo>
                      <a:pt x="88384" y="121815"/>
                    </a:lnTo>
                    <a:lnTo>
                      <a:pt x="91983" y="118005"/>
                    </a:lnTo>
                    <a:lnTo>
                      <a:pt x="92086" y="117863"/>
                    </a:lnTo>
                    <a:lnTo>
                      <a:pt x="92290" y="117679"/>
                    </a:lnTo>
                    <a:lnTo>
                      <a:pt x="98575" y="111021"/>
                    </a:lnTo>
                    <a:lnTo>
                      <a:pt x="98574" y="111021"/>
                    </a:lnTo>
                    <a:lnTo>
                      <a:pt x="109194" y="99775"/>
                    </a:lnTo>
                    <a:lnTo>
                      <a:pt x="110978" y="100753"/>
                    </a:lnTo>
                    <a:lnTo>
                      <a:pt x="114309" y="97735"/>
                    </a:lnTo>
                    <a:lnTo>
                      <a:pt x="111203" y="97969"/>
                    </a:lnTo>
                    <a:lnTo>
                      <a:pt x="135331" y="76894"/>
                    </a:lnTo>
                    <a:lnTo>
                      <a:pt x="141004" y="72824"/>
                    </a:lnTo>
                    <a:lnTo>
                      <a:pt x="141764" y="72869"/>
                    </a:lnTo>
                    <a:lnTo>
                      <a:pt x="145724" y="69282"/>
                    </a:lnTo>
                    <a:lnTo>
                      <a:pt x="165762" y="57395"/>
                    </a:lnTo>
                    <a:lnTo>
                      <a:pt x="160785" y="58633"/>
                    </a:lnTo>
                    <a:lnTo>
                      <a:pt x="163189" y="56907"/>
                    </a:lnTo>
                    <a:lnTo>
                      <a:pt x="190471" y="42735"/>
                    </a:lnTo>
                    <a:lnTo>
                      <a:pt x="206116" y="33453"/>
                    </a:lnTo>
                    <a:lnTo>
                      <a:pt x="213043" y="31009"/>
                    </a:lnTo>
                    <a:lnTo>
                      <a:pt x="224021" y="25307"/>
                    </a:lnTo>
                    <a:lnTo>
                      <a:pt x="225919" y="24646"/>
                    </a:lnTo>
                    <a:lnTo>
                      <a:pt x="231396" y="24535"/>
                    </a:lnTo>
                    <a:lnTo>
                      <a:pt x="271235" y="10481"/>
                    </a:lnTo>
                    <a:cubicBezTo>
                      <a:pt x="299070" y="3602"/>
                      <a:pt x="327607" y="97"/>
                      <a:pt x="356186" y="2"/>
                    </a:cubicBezTo>
                    <a:close/>
                  </a:path>
                </a:pathLst>
              </a:custGeom>
              <a:grpFill/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wrap="square" lIns="45719" tIns="45719" rIns="45719" bIns="45719" rtlCol="0" anchor="ctr">
                <a:noAutofit/>
              </a:bodyPr>
              <a:lstStyle/>
              <a:p>
                <a:pPr algn="ctr"/>
                <a:endParaRPr lang="en-US" sz="1000" dirty="0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45AF3606-006F-F74D-B481-F8FD923807BD}"/>
                </a:ext>
              </a:extLst>
            </p:cNvPr>
            <p:cNvSpPr/>
            <p:nvPr/>
          </p:nvSpPr>
          <p:spPr>
            <a:xfrm>
              <a:off x="2025085" y="2901887"/>
              <a:ext cx="3262601" cy="834389"/>
            </a:xfrm>
            <a:prstGeom prst="rect">
              <a:avLst/>
            </a:prstGeom>
            <a:noFill/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189547" tIns="31592" rIns="63182" bIns="31592" rtlCol="0" anchor="ctr" anchorCtr="0"/>
            <a:lstStyle/>
            <a:p>
              <a:r>
                <a:rPr lang="en-GB" sz="2300" b="1" dirty="0">
                  <a:solidFill>
                    <a:srgbClr val="009051"/>
                  </a:solidFill>
                </a:rPr>
                <a:t>University Endowment Fund</a:t>
              </a:r>
            </a:p>
          </p:txBody>
        </p:sp>
        <p:sp>
          <p:nvSpPr>
            <p:cNvPr id="17" name="KMA6C131B">
              <a:extLst>
                <a:ext uri="{FF2B5EF4-FFF2-40B4-BE49-F238E27FC236}">
                  <a16:creationId xmlns:a16="http://schemas.microsoft.com/office/drawing/2014/main" id="{3C962EA3-A7AD-4848-85C7-90FFC0592F1E}"/>
                </a:ext>
              </a:extLst>
            </p:cNvPr>
            <p:cNvSpPr>
              <a:spLocks noChangeArrowheads="1"/>
            </p:cNvSpPr>
            <p:nvPr>
              <p:custDataLst>
                <p:tags r:id="rId6"/>
              </p:custDataLst>
            </p:nvPr>
          </p:nvSpPr>
          <p:spPr bwMode="auto">
            <a:xfrm>
              <a:off x="5287686" y="2843296"/>
              <a:ext cx="7500728" cy="1057588"/>
            </a:xfrm>
            <a:prstGeom prst="rect">
              <a:avLst/>
            </a:prstGeom>
            <a:noFill/>
          </p:spPr>
          <p:txBody>
            <a:bodyPr wrap="square" lIns="36000" tIns="36000" rIns="36000" bIns="36000" rtlCol="0">
              <a:spAutoFit/>
            </a:bodyPr>
            <a:lstStyle/>
            <a:p>
              <a:pPr marL="285750" indent="-285750">
                <a:buFont typeface="Arial" panose="020B0604020202020204" pitchFamily="34" charset="0"/>
                <a:buChar char="•"/>
              </a:pPr>
              <a:r>
                <a:rPr lang="en-US" sz="1600" dirty="0"/>
                <a:t>&gt;25% colleges engage in some form of Socially Responsible Investing with 60% passing some form of ESG criterion</a:t>
              </a:r>
            </a:p>
            <a:p>
              <a:pPr marL="285750" indent="-285750">
                <a:buFont typeface="Arial" panose="020B0604020202020204" pitchFamily="34" charset="0"/>
                <a:buChar char="•"/>
              </a:pPr>
              <a:r>
                <a:rPr lang="en-US" sz="1600" dirty="0"/>
                <a:t>University Social Venture Funds have also been formed on campuses with the aim to invest in impact funds</a:t>
              </a:r>
            </a:p>
          </p:txBody>
        </p:sp>
        <p:pic>
          <p:nvPicPr>
            <p:cNvPr id="44" name="Picture 43">
              <a:extLst>
                <a:ext uri="{FF2B5EF4-FFF2-40B4-BE49-F238E27FC236}">
                  <a16:creationId xmlns:a16="http://schemas.microsoft.com/office/drawing/2014/main" id="{423EF64F-96D8-BC47-94E9-5B05791EA2AD}"/>
                </a:ext>
              </a:extLst>
            </p:cNvPr>
            <p:cNvPicPr>
              <a:picLocks noChangeAspect="1"/>
            </p:cNvPicPr>
            <p:nvPr/>
          </p:nvPicPr>
          <p:blipFill>
            <a:blip r:embed="rId12">
              <a:lum bright="70000" contrast="-70000"/>
            </a:blip>
            <a:stretch>
              <a:fillRect/>
            </a:stretch>
          </p:blipFill>
          <p:spPr>
            <a:xfrm>
              <a:off x="726438" y="2849114"/>
              <a:ext cx="893452" cy="893452"/>
            </a:xfrm>
            <a:prstGeom prst="rect">
              <a:avLst/>
            </a:prstGeom>
          </p:spPr>
        </p:pic>
      </p:grpSp>
      <p:cxnSp>
        <p:nvCxnSpPr>
          <p:cNvPr id="32" name="Straight Connector 31">
            <a:extLst>
              <a:ext uri="{FF2B5EF4-FFF2-40B4-BE49-F238E27FC236}">
                <a16:creationId xmlns:a16="http://schemas.microsoft.com/office/drawing/2014/main" id="{E63B224F-E43A-EB41-BF21-918E345D2B21}"/>
              </a:ext>
            </a:extLst>
          </p:cNvPr>
          <p:cNvCxnSpPr/>
          <p:nvPr/>
        </p:nvCxnSpPr>
        <p:spPr>
          <a:xfrm>
            <a:off x="488945" y="5648736"/>
            <a:ext cx="12168000" cy="0"/>
          </a:xfrm>
          <a:prstGeom prst="line">
            <a:avLst/>
          </a:prstGeom>
          <a:ln w="19050">
            <a:solidFill>
              <a:srgbClr val="009051"/>
            </a:solidFill>
            <a:prstDash val="lg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52" name="Group 51">
            <a:extLst>
              <a:ext uri="{FF2B5EF4-FFF2-40B4-BE49-F238E27FC236}">
                <a16:creationId xmlns:a16="http://schemas.microsoft.com/office/drawing/2014/main" id="{C506681B-675F-C746-9BBF-281C83C142E3}"/>
              </a:ext>
            </a:extLst>
          </p:cNvPr>
          <p:cNvGrpSpPr/>
          <p:nvPr/>
        </p:nvGrpSpPr>
        <p:grpSpPr>
          <a:xfrm>
            <a:off x="689606" y="4413468"/>
            <a:ext cx="11968775" cy="1057588"/>
            <a:chOff x="689606" y="4475311"/>
            <a:chExt cx="12151682" cy="1057588"/>
          </a:xfrm>
        </p:grpSpPr>
        <p:grpSp>
          <p:nvGrpSpPr>
            <p:cNvPr id="27" name="Group 26">
              <a:extLst>
                <a:ext uri="{FF2B5EF4-FFF2-40B4-BE49-F238E27FC236}">
                  <a16:creationId xmlns:a16="http://schemas.microsoft.com/office/drawing/2014/main" id="{119FDEB6-646F-1C49-89A6-3A74A2EAE851}"/>
                </a:ext>
              </a:extLst>
            </p:cNvPr>
            <p:cNvGrpSpPr>
              <a:grpSpLocks/>
            </p:cNvGrpSpPr>
            <p:nvPr>
              <p:custDataLst>
                <p:tags r:id="rId3"/>
              </p:custDataLst>
            </p:nvPr>
          </p:nvGrpSpPr>
          <p:grpSpPr>
            <a:xfrm>
              <a:off x="689606" y="4487010"/>
              <a:ext cx="1072866" cy="992881"/>
              <a:chOff x="398969" y="2059422"/>
              <a:chExt cx="1378857" cy="1378857"/>
            </a:xfrm>
            <a:solidFill>
              <a:srgbClr val="009051"/>
            </a:solidFill>
          </p:grpSpPr>
          <p:sp>
            <p:nvSpPr>
              <p:cNvPr id="28" name="Oval 27">
                <a:extLst>
                  <a:ext uri="{FF2B5EF4-FFF2-40B4-BE49-F238E27FC236}">
                    <a16:creationId xmlns:a16="http://schemas.microsoft.com/office/drawing/2014/main" id="{5278C366-3230-3E49-B933-74DFF380779C}"/>
                  </a:ext>
                </a:extLst>
              </p:cNvPr>
              <p:cNvSpPr/>
              <p:nvPr/>
            </p:nvSpPr>
            <p:spPr>
              <a:xfrm>
                <a:off x="398969" y="2059422"/>
                <a:ext cx="1378857" cy="1378857"/>
              </a:xfrm>
              <a:prstGeom prst="ellipse">
                <a:avLst/>
              </a:prstGeom>
              <a:grpFill/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45719" tIns="45719" rIns="45719" bIns="45719" rtlCol="0" anchor="ctr"/>
              <a:lstStyle/>
              <a:p>
                <a:pPr algn="ctr"/>
                <a:endParaRPr lang="en-US" sz="2000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29" name="Freeform 28">
                <a:extLst>
                  <a:ext uri="{FF2B5EF4-FFF2-40B4-BE49-F238E27FC236}">
                    <a16:creationId xmlns:a16="http://schemas.microsoft.com/office/drawing/2014/main" id="{2A2F4A2F-0DEF-F44F-8752-390A24340C84}"/>
                  </a:ext>
                </a:extLst>
              </p:cNvPr>
              <p:cNvSpPr/>
              <p:nvPr/>
            </p:nvSpPr>
            <p:spPr>
              <a:xfrm>
                <a:off x="582901" y="2243353"/>
                <a:ext cx="1010993" cy="1010993"/>
              </a:xfrm>
              <a:custGeom>
                <a:avLst/>
                <a:gdLst>
                  <a:gd name="connsiteX0" fmla="*/ 328118 w 714552"/>
                  <a:gd name="connsiteY0" fmla="*/ 655919 h 714551"/>
                  <a:gd name="connsiteX1" fmla="*/ 259850 w 714552"/>
                  <a:gd name="connsiteY1" fmla="*/ 673497 h 714551"/>
                  <a:gd name="connsiteX2" fmla="*/ 310612 w 714552"/>
                  <a:gd name="connsiteY2" fmla="*/ 685762 h 714551"/>
                  <a:gd name="connsiteX3" fmla="*/ 437172 w 714552"/>
                  <a:gd name="connsiteY3" fmla="*/ 679297 h 714551"/>
                  <a:gd name="connsiteX4" fmla="*/ 446149 w 714552"/>
                  <a:gd name="connsiteY4" fmla="*/ 676129 h 714551"/>
                  <a:gd name="connsiteX5" fmla="*/ 377337 w 714552"/>
                  <a:gd name="connsiteY5" fmla="*/ 671533 h 714551"/>
                  <a:gd name="connsiteX6" fmla="*/ 220072 w 714552"/>
                  <a:gd name="connsiteY6" fmla="*/ 602681 h 714551"/>
                  <a:gd name="connsiteX7" fmla="*/ 171570 w 714552"/>
                  <a:gd name="connsiteY7" fmla="*/ 630428 h 714551"/>
                  <a:gd name="connsiteX8" fmla="*/ 189111 w 714552"/>
                  <a:gd name="connsiteY8" fmla="*/ 643321 h 714551"/>
                  <a:gd name="connsiteX9" fmla="*/ 229960 w 714552"/>
                  <a:gd name="connsiteY9" fmla="*/ 662222 h 714551"/>
                  <a:gd name="connsiteX10" fmla="*/ 295577 w 714552"/>
                  <a:gd name="connsiteY10" fmla="*/ 645328 h 714551"/>
                  <a:gd name="connsiteX11" fmla="*/ 224981 w 714552"/>
                  <a:gd name="connsiteY11" fmla="*/ 606740 h 714551"/>
                  <a:gd name="connsiteX12" fmla="*/ 457428 w 714552"/>
                  <a:gd name="connsiteY12" fmla="*/ 594412 h 714551"/>
                  <a:gd name="connsiteX13" fmla="*/ 439487 w 714552"/>
                  <a:gd name="connsiteY13" fmla="*/ 606671 h 714551"/>
                  <a:gd name="connsiteX14" fmla="*/ 438432 w 714552"/>
                  <a:gd name="connsiteY14" fmla="*/ 611871 h 714551"/>
                  <a:gd name="connsiteX15" fmla="*/ 376114 w 714552"/>
                  <a:gd name="connsiteY15" fmla="*/ 652989 h 714551"/>
                  <a:gd name="connsiteX16" fmla="*/ 354792 w 714552"/>
                  <a:gd name="connsiteY16" fmla="*/ 648704 h 714551"/>
                  <a:gd name="connsiteX17" fmla="*/ 353229 w 714552"/>
                  <a:gd name="connsiteY17" fmla="*/ 649454 h 714551"/>
                  <a:gd name="connsiteX18" fmla="*/ 350275 w 714552"/>
                  <a:gd name="connsiteY18" fmla="*/ 650213 h 714551"/>
                  <a:gd name="connsiteX19" fmla="*/ 374823 w 714552"/>
                  <a:gd name="connsiteY19" fmla="*/ 658184 h 714551"/>
                  <a:gd name="connsiteX20" fmla="*/ 456843 w 714552"/>
                  <a:gd name="connsiteY20" fmla="*/ 667043 h 714551"/>
                  <a:gd name="connsiteX21" fmla="*/ 477710 w 714552"/>
                  <a:gd name="connsiteY21" fmla="*/ 664995 h 714551"/>
                  <a:gd name="connsiteX22" fmla="*/ 497638 w 714552"/>
                  <a:gd name="connsiteY22" fmla="*/ 657965 h 714551"/>
                  <a:gd name="connsiteX23" fmla="*/ 553716 w 714552"/>
                  <a:gd name="connsiteY23" fmla="*/ 624695 h 714551"/>
                  <a:gd name="connsiteX24" fmla="*/ 577663 w 714552"/>
                  <a:gd name="connsiteY24" fmla="*/ 603006 h 714551"/>
                  <a:gd name="connsiteX25" fmla="*/ 520293 w 714552"/>
                  <a:gd name="connsiteY25" fmla="*/ 603697 h 714551"/>
                  <a:gd name="connsiteX26" fmla="*/ 316201 w 714552"/>
                  <a:gd name="connsiteY26" fmla="*/ 538143 h 714551"/>
                  <a:gd name="connsiteX27" fmla="*/ 275347 w 714552"/>
                  <a:gd name="connsiteY27" fmla="*/ 571060 h 714551"/>
                  <a:gd name="connsiteX28" fmla="*/ 231948 w 714552"/>
                  <a:gd name="connsiteY28" fmla="*/ 595887 h 714551"/>
                  <a:gd name="connsiteX29" fmla="*/ 296358 w 714552"/>
                  <a:gd name="connsiteY29" fmla="*/ 632709 h 714551"/>
                  <a:gd name="connsiteX30" fmla="*/ 317690 w 714552"/>
                  <a:gd name="connsiteY30" fmla="*/ 639634 h 714551"/>
                  <a:gd name="connsiteX31" fmla="*/ 332204 w 714552"/>
                  <a:gd name="connsiteY31" fmla="*/ 635897 h 714551"/>
                  <a:gd name="connsiteX32" fmla="*/ 328290 w 714552"/>
                  <a:gd name="connsiteY32" fmla="*/ 633270 h 714551"/>
                  <a:gd name="connsiteX33" fmla="*/ 308481 w 714552"/>
                  <a:gd name="connsiteY33" fmla="*/ 585666 h 714551"/>
                  <a:gd name="connsiteX34" fmla="*/ 313796 w 714552"/>
                  <a:gd name="connsiteY34" fmla="*/ 559461 h 714551"/>
                  <a:gd name="connsiteX35" fmla="*/ 324802 w 714552"/>
                  <a:gd name="connsiteY35" fmla="*/ 543212 h 714551"/>
                  <a:gd name="connsiteX36" fmla="*/ 319552 w 714552"/>
                  <a:gd name="connsiteY36" fmla="*/ 540630 h 714551"/>
                  <a:gd name="connsiteX37" fmla="*/ 538682 w 714552"/>
                  <a:gd name="connsiteY37" fmla="*/ 526760 h 714551"/>
                  <a:gd name="connsiteX38" fmla="*/ 502253 w 714552"/>
                  <a:gd name="connsiteY38" fmla="*/ 563783 h 714551"/>
                  <a:gd name="connsiteX39" fmla="*/ 479974 w 714552"/>
                  <a:gd name="connsiteY39" fmla="*/ 579006 h 714551"/>
                  <a:gd name="connsiteX40" fmla="*/ 555317 w 714552"/>
                  <a:gd name="connsiteY40" fmla="*/ 582502 h 714551"/>
                  <a:gd name="connsiteX41" fmla="*/ 573402 w 714552"/>
                  <a:gd name="connsiteY41" fmla="*/ 580085 h 714551"/>
                  <a:gd name="connsiteX42" fmla="*/ 130738 w 714552"/>
                  <a:gd name="connsiteY42" fmla="*/ 516300 h 714551"/>
                  <a:gd name="connsiteX43" fmla="*/ 107672 w 714552"/>
                  <a:gd name="connsiteY43" fmla="*/ 573385 h 714551"/>
                  <a:gd name="connsiteX44" fmla="*/ 134967 w 714552"/>
                  <a:gd name="connsiteY44" fmla="*/ 603521 h 714551"/>
                  <a:gd name="connsiteX45" fmla="*/ 155115 w 714552"/>
                  <a:gd name="connsiteY45" fmla="*/ 618332 h 714551"/>
                  <a:gd name="connsiteX46" fmla="*/ 156019 w 714552"/>
                  <a:gd name="connsiteY46" fmla="*/ 617950 h 714551"/>
                  <a:gd name="connsiteX47" fmla="*/ 204793 w 714552"/>
                  <a:gd name="connsiteY47" fmla="*/ 590049 h 714551"/>
                  <a:gd name="connsiteX48" fmla="*/ 163347 w 714552"/>
                  <a:gd name="connsiteY48" fmla="*/ 555778 h 714551"/>
                  <a:gd name="connsiteX49" fmla="*/ 615643 w 714552"/>
                  <a:gd name="connsiteY49" fmla="*/ 493637 h 714551"/>
                  <a:gd name="connsiteX50" fmla="*/ 612283 w 714552"/>
                  <a:gd name="connsiteY50" fmla="*/ 495891 h 714551"/>
                  <a:gd name="connsiteX51" fmla="*/ 585957 w 714552"/>
                  <a:gd name="connsiteY51" fmla="*/ 501182 h 714551"/>
                  <a:gd name="connsiteX52" fmla="*/ 567500 w 714552"/>
                  <a:gd name="connsiteY52" fmla="*/ 497473 h 714551"/>
                  <a:gd name="connsiteX53" fmla="*/ 543971 w 714552"/>
                  <a:gd name="connsiteY53" fmla="*/ 521386 h 714551"/>
                  <a:gd name="connsiteX54" fmla="*/ 582269 w 714552"/>
                  <a:gd name="connsiteY54" fmla="*/ 578902 h 714551"/>
                  <a:gd name="connsiteX55" fmla="*/ 606394 w 714552"/>
                  <a:gd name="connsiteY55" fmla="*/ 575678 h 714551"/>
                  <a:gd name="connsiteX56" fmla="*/ 625800 w 714552"/>
                  <a:gd name="connsiteY56" fmla="*/ 549279 h 714551"/>
                  <a:gd name="connsiteX57" fmla="*/ 620151 w 714552"/>
                  <a:gd name="connsiteY57" fmla="*/ 508473 h 714551"/>
                  <a:gd name="connsiteX58" fmla="*/ 201629 w 714552"/>
                  <a:gd name="connsiteY58" fmla="*/ 438704 h 714551"/>
                  <a:gd name="connsiteX59" fmla="*/ 192533 w 714552"/>
                  <a:gd name="connsiteY59" fmla="*/ 452135 h 714551"/>
                  <a:gd name="connsiteX60" fmla="*/ 157185 w 714552"/>
                  <a:gd name="connsiteY60" fmla="*/ 466709 h 714551"/>
                  <a:gd name="connsiteX61" fmla="*/ 154581 w 714552"/>
                  <a:gd name="connsiteY61" fmla="*/ 466186 h 714551"/>
                  <a:gd name="connsiteX62" fmla="*/ 141593 w 714552"/>
                  <a:gd name="connsiteY62" fmla="*/ 489433 h 714551"/>
                  <a:gd name="connsiteX63" fmla="*/ 136775 w 714552"/>
                  <a:gd name="connsiteY63" fmla="*/ 501359 h 714551"/>
                  <a:gd name="connsiteX64" fmla="*/ 167148 w 714552"/>
                  <a:gd name="connsiteY64" fmla="*/ 540728 h 714551"/>
                  <a:gd name="connsiteX65" fmla="*/ 216087 w 714552"/>
                  <a:gd name="connsiteY65" fmla="*/ 583587 h 714551"/>
                  <a:gd name="connsiteX66" fmla="*/ 268827 w 714552"/>
                  <a:gd name="connsiteY66" fmla="*/ 553416 h 714551"/>
                  <a:gd name="connsiteX67" fmla="*/ 301409 w 714552"/>
                  <a:gd name="connsiteY67" fmla="*/ 527166 h 714551"/>
                  <a:gd name="connsiteX68" fmla="*/ 239295 w 714552"/>
                  <a:gd name="connsiteY68" fmla="*/ 481073 h 714551"/>
                  <a:gd name="connsiteX69" fmla="*/ 75148 w 714552"/>
                  <a:gd name="connsiteY69" fmla="*/ 424623 h 714551"/>
                  <a:gd name="connsiteX70" fmla="*/ 68128 w 714552"/>
                  <a:gd name="connsiteY70" fmla="*/ 517092 h 714551"/>
                  <a:gd name="connsiteX71" fmla="*/ 89856 w 714552"/>
                  <a:gd name="connsiteY71" fmla="*/ 553715 h 714551"/>
                  <a:gd name="connsiteX72" fmla="*/ 93201 w 714552"/>
                  <a:gd name="connsiteY72" fmla="*/ 557408 h 714551"/>
                  <a:gd name="connsiteX73" fmla="*/ 100678 w 714552"/>
                  <a:gd name="connsiteY73" fmla="*/ 537022 h 714551"/>
                  <a:gd name="connsiteX74" fmla="*/ 117560 w 714552"/>
                  <a:gd name="connsiteY74" fmla="*/ 500348 h 714551"/>
                  <a:gd name="connsiteX75" fmla="*/ 113149 w 714552"/>
                  <a:gd name="connsiteY75" fmla="*/ 495007 h 714551"/>
                  <a:gd name="connsiteX76" fmla="*/ 75692 w 714552"/>
                  <a:gd name="connsiteY76" fmla="*/ 426356 h 714551"/>
                  <a:gd name="connsiteX77" fmla="*/ 453263 w 714552"/>
                  <a:gd name="connsiteY77" fmla="*/ 411388 h 714551"/>
                  <a:gd name="connsiteX78" fmla="*/ 389873 w 714552"/>
                  <a:gd name="connsiteY78" fmla="*/ 478786 h 714551"/>
                  <a:gd name="connsiteX79" fmla="*/ 328297 w 714552"/>
                  <a:gd name="connsiteY79" fmla="*/ 528399 h 714551"/>
                  <a:gd name="connsiteX80" fmla="*/ 331685 w 714552"/>
                  <a:gd name="connsiteY80" fmla="*/ 530813 h 714551"/>
                  <a:gd name="connsiteX81" fmla="*/ 336204 w 714552"/>
                  <a:gd name="connsiteY81" fmla="*/ 532751 h 714551"/>
                  <a:gd name="connsiteX82" fmla="*/ 349788 w 714552"/>
                  <a:gd name="connsiteY82" fmla="*/ 523634 h 714551"/>
                  <a:gd name="connsiteX83" fmla="*/ 376114 w 714552"/>
                  <a:gd name="connsiteY83" fmla="*/ 518343 h 714551"/>
                  <a:gd name="connsiteX84" fmla="*/ 438432 w 714552"/>
                  <a:gd name="connsiteY84" fmla="*/ 559461 h 714551"/>
                  <a:gd name="connsiteX85" fmla="*/ 440604 w 714552"/>
                  <a:gd name="connsiteY85" fmla="*/ 570167 h 714551"/>
                  <a:gd name="connsiteX86" fmla="*/ 454963 w 714552"/>
                  <a:gd name="connsiteY86" fmla="*/ 573453 h 714551"/>
                  <a:gd name="connsiteX87" fmla="*/ 488068 w 714552"/>
                  <a:gd name="connsiteY87" fmla="*/ 550832 h 714551"/>
                  <a:gd name="connsiteX88" fmla="*/ 527959 w 714552"/>
                  <a:gd name="connsiteY88" fmla="*/ 510293 h 714551"/>
                  <a:gd name="connsiteX89" fmla="*/ 504045 w 714552"/>
                  <a:gd name="connsiteY89" fmla="*/ 473567 h 714551"/>
                  <a:gd name="connsiteX90" fmla="*/ 651346 w 714552"/>
                  <a:gd name="connsiteY90" fmla="*/ 349532 h 714551"/>
                  <a:gd name="connsiteX91" fmla="*/ 643454 w 714552"/>
                  <a:gd name="connsiteY91" fmla="*/ 380614 h 714551"/>
                  <a:gd name="connsiteX92" fmla="*/ 637207 w 714552"/>
                  <a:gd name="connsiteY92" fmla="*/ 391313 h 714551"/>
                  <a:gd name="connsiteX93" fmla="*/ 648275 w 714552"/>
                  <a:gd name="connsiteY93" fmla="*/ 407654 h 714551"/>
                  <a:gd name="connsiteX94" fmla="*/ 653590 w 714552"/>
                  <a:gd name="connsiteY94" fmla="*/ 433859 h 714551"/>
                  <a:gd name="connsiteX95" fmla="*/ 633781 w 714552"/>
                  <a:gd name="connsiteY95" fmla="*/ 481464 h 714551"/>
                  <a:gd name="connsiteX96" fmla="*/ 624550 w 714552"/>
                  <a:gd name="connsiteY96" fmla="*/ 487659 h 714551"/>
                  <a:gd name="connsiteX97" fmla="*/ 638611 w 714552"/>
                  <a:gd name="connsiteY97" fmla="*/ 531850 h 714551"/>
                  <a:gd name="connsiteX98" fmla="*/ 643322 w 714552"/>
                  <a:gd name="connsiteY98" fmla="*/ 525441 h 714551"/>
                  <a:gd name="connsiteX99" fmla="*/ 659115 w 714552"/>
                  <a:gd name="connsiteY99" fmla="*/ 491310 h 714551"/>
                  <a:gd name="connsiteX100" fmla="*/ 663936 w 714552"/>
                  <a:gd name="connsiteY100" fmla="*/ 445312 h 714551"/>
                  <a:gd name="connsiteX101" fmla="*/ 653947 w 714552"/>
                  <a:gd name="connsiteY101" fmla="*/ 356979 h 714551"/>
                  <a:gd name="connsiteX102" fmla="*/ 524331 w 714552"/>
                  <a:gd name="connsiteY102" fmla="*/ 319279 h 714551"/>
                  <a:gd name="connsiteX103" fmla="*/ 471043 w 714552"/>
                  <a:gd name="connsiteY103" fmla="*/ 392481 h 714551"/>
                  <a:gd name="connsiteX104" fmla="*/ 458035 w 714552"/>
                  <a:gd name="connsiteY104" fmla="*/ 406314 h 714551"/>
                  <a:gd name="connsiteX105" fmla="*/ 506980 w 714552"/>
                  <a:gd name="connsiteY105" fmla="*/ 465833 h 714551"/>
                  <a:gd name="connsiteX106" fmla="*/ 533103 w 714552"/>
                  <a:gd name="connsiteY106" fmla="*/ 505065 h 714551"/>
                  <a:gd name="connsiteX107" fmla="*/ 549090 w 714552"/>
                  <a:gd name="connsiteY107" fmla="*/ 488817 h 714551"/>
                  <a:gd name="connsiteX108" fmla="*/ 538133 w 714552"/>
                  <a:gd name="connsiteY108" fmla="*/ 481464 h 714551"/>
                  <a:gd name="connsiteX109" fmla="*/ 518324 w 714552"/>
                  <a:gd name="connsiteY109" fmla="*/ 433859 h 714551"/>
                  <a:gd name="connsiteX110" fmla="*/ 559631 w 714552"/>
                  <a:gd name="connsiteY110" fmla="*/ 371827 h 714551"/>
                  <a:gd name="connsiteX111" fmla="*/ 567027 w 714552"/>
                  <a:gd name="connsiteY111" fmla="*/ 370340 h 714551"/>
                  <a:gd name="connsiteX112" fmla="*/ 561361 w 714552"/>
                  <a:gd name="connsiteY112" fmla="*/ 358622 h 714551"/>
                  <a:gd name="connsiteX113" fmla="*/ 534247 w 714552"/>
                  <a:gd name="connsiteY113" fmla="*/ 319439 h 714551"/>
                  <a:gd name="connsiteX114" fmla="*/ 529686 w 714552"/>
                  <a:gd name="connsiteY114" fmla="*/ 320355 h 714551"/>
                  <a:gd name="connsiteX115" fmla="*/ 114964 w 714552"/>
                  <a:gd name="connsiteY115" fmla="*/ 291459 h 714551"/>
                  <a:gd name="connsiteX116" fmla="*/ 100667 w 714552"/>
                  <a:gd name="connsiteY116" fmla="*/ 319901 h 714551"/>
                  <a:gd name="connsiteX117" fmla="*/ 78819 w 714552"/>
                  <a:gd name="connsiteY117" fmla="*/ 391679 h 714551"/>
                  <a:gd name="connsiteX118" fmla="*/ 83230 w 714552"/>
                  <a:gd name="connsiteY118" fmla="*/ 407279 h 714551"/>
                  <a:gd name="connsiteX119" fmla="*/ 118903 w 714552"/>
                  <a:gd name="connsiteY119" fmla="*/ 478193 h 714551"/>
                  <a:gd name="connsiteX120" fmla="*/ 124449 w 714552"/>
                  <a:gd name="connsiteY120" fmla="*/ 485383 h 714551"/>
                  <a:gd name="connsiteX121" fmla="*/ 135525 w 714552"/>
                  <a:gd name="connsiteY121" fmla="*/ 461320 h 714551"/>
                  <a:gd name="connsiteX122" fmla="*/ 121838 w 714552"/>
                  <a:gd name="connsiteY122" fmla="*/ 452135 h 714551"/>
                  <a:gd name="connsiteX123" fmla="*/ 107196 w 714552"/>
                  <a:gd name="connsiteY123" fmla="*/ 416949 h 714551"/>
                  <a:gd name="connsiteX124" fmla="*/ 137727 w 714552"/>
                  <a:gd name="connsiteY124" fmla="*/ 371099 h 714551"/>
                  <a:gd name="connsiteX125" fmla="*/ 151152 w 714552"/>
                  <a:gd name="connsiteY125" fmla="*/ 368402 h 714551"/>
                  <a:gd name="connsiteX126" fmla="*/ 125200 w 714552"/>
                  <a:gd name="connsiteY126" fmla="*/ 323068 h 714551"/>
                  <a:gd name="connsiteX127" fmla="*/ 304082 w 714552"/>
                  <a:gd name="connsiteY127" fmla="*/ 255373 h 714551"/>
                  <a:gd name="connsiteX128" fmla="*/ 252096 w 714552"/>
                  <a:gd name="connsiteY128" fmla="*/ 313710 h 714551"/>
                  <a:gd name="connsiteX129" fmla="*/ 197735 w 714552"/>
                  <a:gd name="connsiteY129" fmla="*/ 389444 h 714551"/>
                  <a:gd name="connsiteX130" fmla="*/ 203246 w 714552"/>
                  <a:gd name="connsiteY130" fmla="*/ 397580 h 714551"/>
                  <a:gd name="connsiteX131" fmla="*/ 207174 w 714552"/>
                  <a:gd name="connsiteY131" fmla="*/ 416949 h 714551"/>
                  <a:gd name="connsiteX132" fmla="*/ 205611 w 714552"/>
                  <a:gd name="connsiteY132" fmla="*/ 424658 h 714551"/>
                  <a:gd name="connsiteX133" fmla="*/ 243671 w 714552"/>
                  <a:gd name="connsiteY133" fmla="*/ 468093 h 714551"/>
                  <a:gd name="connsiteX134" fmla="*/ 313217 w 714552"/>
                  <a:gd name="connsiteY134" fmla="*/ 517652 h 714551"/>
                  <a:gd name="connsiteX135" fmla="*/ 377623 w 714552"/>
                  <a:gd name="connsiteY135" fmla="*/ 465761 h 714551"/>
                  <a:gd name="connsiteX136" fmla="*/ 436779 w 714552"/>
                  <a:gd name="connsiteY136" fmla="*/ 404754 h 714551"/>
                  <a:gd name="connsiteX137" fmla="*/ 442266 w 714552"/>
                  <a:gd name="connsiteY137" fmla="*/ 397923 h 714551"/>
                  <a:gd name="connsiteX138" fmla="*/ 412554 w 714552"/>
                  <a:gd name="connsiteY138" fmla="*/ 361545 h 714551"/>
                  <a:gd name="connsiteX139" fmla="*/ 401880 w 714552"/>
                  <a:gd name="connsiteY139" fmla="*/ 350583 h 714551"/>
                  <a:gd name="connsiteX140" fmla="*/ 398709 w 714552"/>
                  <a:gd name="connsiteY140" fmla="*/ 358202 h 714551"/>
                  <a:gd name="connsiteX141" fmla="*/ 368613 w 714552"/>
                  <a:gd name="connsiteY141" fmla="*/ 370611 h 714551"/>
                  <a:gd name="connsiteX142" fmla="*/ 326051 w 714552"/>
                  <a:gd name="connsiteY142" fmla="*/ 328244 h 714551"/>
                  <a:gd name="connsiteX143" fmla="*/ 338518 w 714552"/>
                  <a:gd name="connsiteY143" fmla="*/ 298286 h 714551"/>
                  <a:gd name="connsiteX144" fmla="*/ 347393 w 714552"/>
                  <a:gd name="connsiteY144" fmla="*/ 294627 h 714551"/>
                  <a:gd name="connsiteX145" fmla="*/ 341132 w 714552"/>
                  <a:gd name="connsiteY145" fmla="*/ 288197 h 714551"/>
                  <a:gd name="connsiteX146" fmla="*/ 667370 w 714552"/>
                  <a:gd name="connsiteY146" fmla="*/ 243573 h 714551"/>
                  <a:gd name="connsiteX147" fmla="*/ 669797 w 714552"/>
                  <a:gd name="connsiteY147" fmla="*/ 276858 h 714551"/>
                  <a:gd name="connsiteX148" fmla="*/ 657009 w 714552"/>
                  <a:gd name="connsiteY148" fmla="*/ 327228 h 714551"/>
                  <a:gd name="connsiteX149" fmla="*/ 664540 w 714552"/>
                  <a:gd name="connsiteY149" fmla="*/ 347419 h 714551"/>
                  <a:gd name="connsiteX150" fmla="*/ 677292 w 714552"/>
                  <a:gd name="connsiteY150" fmla="*/ 435974 h 714551"/>
                  <a:gd name="connsiteX151" fmla="*/ 676990 w 714552"/>
                  <a:gd name="connsiteY151" fmla="*/ 440247 h 714551"/>
                  <a:gd name="connsiteX152" fmla="*/ 685763 w 714552"/>
                  <a:gd name="connsiteY152" fmla="*/ 403940 h 714551"/>
                  <a:gd name="connsiteX153" fmla="*/ 679297 w 714552"/>
                  <a:gd name="connsiteY153" fmla="*/ 277380 h 714551"/>
                  <a:gd name="connsiteX154" fmla="*/ 47768 w 714552"/>
                  <a:gd name="connsiteY154" fmla="*/ 239816 h 714551"/>
                  <a:gd name="connsiteX155" fmla="*/ 43849 w 714552"/>
                  <a:gd name="connsiteY155" fmla="*/ 248286 h 714551"/>
                  <a:gd name="connsiteX156" fmla="*/ 35255 w 714552"/>
                  <a:gd name="connsiteY156" fmla="*/ 437171 h 714551"/>
                  <a:gd name="connsiteX157" fmla="*/ 50922 w 714552"/>
                  <a:gd name="connsiteY157" fmla="*/ 481583 h 714551"/>
                  <a:gd name="connsiteX158" fmla="*/ 57677 w 714552"/>
                  <a:gd name="connsiteY158" fmla="*/ 392611 h 714551"/>
                  <a:gd name="connsiteX159" fmla="*/ 61334 w 714552"/>
                  <a:gd name="connsiteY159" fmla="*/ 380598 h 714551"/>
                  <a:gd name="connsiteX160" fmla="*/ 52281 w 714552"/>
                  <a:gd name="connsiteY160" fmla="*/ 351749 h 714551"/>
                  <a:gd name="connsiteX161" fmla="*/ 44222 w 714552"/>
                  <a:gd name="connsiteY161" fmla="*/ 273115 h 714551"/>
                  <a:gd name="connsiteX162" fmla="*/ 585900 w 714552"/>
                  <a:gd name="connsiteY162" fmla="*/ 211697 h 714551"/>
                  <a:gd name="connsiteX163" fmla="*/ 569482 w 714552"/>
                  <a:gd name="connsiteY163" fmla="*/ 241976 h 714551"/>
                  <a:gd name="connsiteX164" fmla="*/ 575747 w 714552"/>
                  <a:gd name="connsiteY164" fmla="*/ 251226 h 714551"/>
                  <a:gd name="connsiteX165" fmla="*/ 579675 w 714552"/>
                  <a:gd name="connsiteY165" fmla="*/ 270595 h 714551"/>
                  <a:gd name="connsiteX166" fmla="*/ 549144 w 714552"/>
                  <a:gd name="connsiteY166" fmla="*/ 316445 h 714551"/>
                  <a:gd name="connsiteX167" fmla="*/ 547889 w 714552"/>
                  <a:gd name="connsiteY167" fmla="*/ 316697 h 714551"/>
                  <a:gd name="connsiteX168" fmla="*/ 562398 w 714552"/>
                  <a:gd name="connsiteY168" fmla="*/ 336996 h 714551"/>
                  <a:gd name="connsiteX169" fmla="*/ 579134 w 714552"/>
                  <a:gd name="connsiteY169" fmla="*/ 367907 h 714551"/>
                  <a:gd name="connsiteX170" fmla="*/ 585957 w 714552"/>
                  <a:gd name="connsiteY170" fmla="*/ 366536 h 714551"/>
                  <a:gd name="connsiteX171" fmla="*/ 612283 w 714552"/>
                  <a:gd name="connsiteY171" fmla="*/ 371827 h 714551"/>
                  <a:gd name="connsiteX172" fmla="*/ 621509 w 714552"/>
                  <a:gd name="connsiteY172" fmla="*/ 378019 h 714551"/>
                  <a:gd name="connsiteX173" fmla="*/ 622202 w 714552"/>
                  <a:gd name="connsiteY173" fmla="*/ 376832 h 714551"/>
                  <a:gd name="connsiteX174" fmla="*/ 638486 w 714552"/>
                  <a:gd name="connsiteY174" fmla="*/ 312699 h 714551"/>
                  <a:gd name="connsiteX175" fmla="*/ 624308 w 714552"/>
                  <a:gd name="connsiteY175" fmla="*/ 272094 h 714551"/>
                  <a:gd name="connsiteX176" fmla="*/ 388134 w 714552"/>
                  <a:gd name="connsiteY176" fmla="*/ 179850 h 714551"/>
                  <a:gd name="connsiteX177" fmla="*/ 376939 w 714552"/>
                  <a:gd name="connsiteY177" fmla="*/ 187786 h 714551"/>
                  <a:gd name="connsiteX178" fmla="*/ 312720 w 714552"/>
                  <a:gd name="connsiteY178" fmla="*/ 245682 h 714551"/>
                  <a:gd name="connsiteX179" fmla="*/ 309775 w 714552"/>
                  <a:gd name="connsiteY179" fmla="*/ 248985 h 714551"/>
                  <a:gd name="connsiteX180" fmla="*/ 339714 w 714552"/>
                  <a:gd name="connsiteY180" fmla="*/ 275893 h 714551"/>
                  <a:gd name="connsiteX181" fmla="*/ 354878 w 714552"/>
                  <a:gd name="connsiteY181" fmla="*/ 291540 h 714551"/>
                  <a:gd name="connsiteX182" fmla="*/ 368613 w 714552"/>
                  <a:gd name="connsiteY182" fmla="*/ 285877 h 714551"/>
                  <a:gd name="connsiteX183" fmla="*/ 411175 w 714552"/>
                  <a:gd name="connsiteY183" fmla="*/ 328244 h 714551"/>
                  <a:gd name="connsiteX184" fmla="*/ 404950 w 714552"/>
                  <a:gd name="connsiteY184" fmla="*/ 343205 h 714551"/>
                  <a:gd name="connsiteX185" fmla="*/ 412779 w 714552"/>
                  <a:gd name="connsiteY185" fmla="*/ 351283 h 714551"/>
                  <a:gd name="connsiteX186" fmla="*/ 446647 w 714552"/>
                  <a:gd name="connsiteY186" fmla="*/ 392467 h 714551"/>
                  <a:gd name="connsiteX187" fmla="*/ 487912 w 714552"/>
                  <a:gd name="connsiteY187" fmla="*/ 341085 h 714551"/>
                  <a:gd name="connsiteX188" fmla="*/ 504608 w 714552"/>
                  <a:gd name="connsiteY188" fmla="*/ 312673 h 714551"/>
                  <a:gd name="connsiteX189" fmla="*/ 494339 w 714552"/>
                  <a:gd name="connsiteY189" fmla="*/ 305781 h 714551"/>
                  <a:gd name="connsiteX190" fmla="*/ 479697 w 714552"/>
                  <a:gd name="connsiteY190" fmla="*/ 270595 h 714551"/>
                  <a:gd name="connsiteX191" fmla="*/ 482182 w 714552"/>
                  <a:gd name="connsiteY191" fmla="*/ 258345 h 714551"/>
                  <a:gd name="connsiteX192" fmla="*/ 427474 w 714552"/>
                  <a:gd name="connsiteY192" fmla="*/ 204358 h 714551"/>
                  <a:gd name="connsiteX193" fmla="*/ 199223 w 714552"/>
                  <a:gd name="connsiteY193" fmla="*/ 171542 h 714551"/>
                  <a:gd name="connsiteX194" fmla="*/ 135497 w 714552"/>
                  <a:gd name="connsiteY194" fmla="*/ 250607 h 714551"/>
                  <a:gd name="connsiteX195" fmla="*/ 123377 w 714552"/>
                  <a:gd name="connsiteY195" fmla="*/ 274720 h 714551"/>
                  <a:gd name="connsiteX196" fmla="*/ 134248 w 714552"/>
                  <a:gd name="connsiteY196" fmla="*/ 312031 h 714551"/>
                  <a:gd name="connsiteX197" fmla="*/ 165241 w 714552"/>
                  <a:gd name="connsiteY197" fmla="*/ 368808 h 714551"/>
                  <a:gd name="connsiteX198" fmla="*/ 176643 w 714552"/>
                  <a:gd name="connsiteY198" fmla="*/ 371099 h 714551"/>
                  <a:gd name="connsiteX199" fmla="*/ 184928 w 714552"/>
                  <a:gd name="connsiteY199" fmla="*/ 376660 h 714551"/>
                  <a:gd name="connsiteX200" fmla="*/ 239979 w 714552"/>
                  <a:gd name="connsiteY200" fmla="*/ 299965 h 714551"/>
                  <a:gd name="connsiteX201" fmla="*/ 290467 w 714552"/>
                  <a:gd name="connsiteY201" fmla="*/ 243311 h 714551"/>
                  <a:gd name="connsiteX202" fmla="*/ 268528 w 714552"/>
                  <a:gd name="connsiteY202" fmla="*/ 223873 h 714551"/>
                  <a:gd name="connsiteX203" fmla="*/ 248270 w 714552"/>
                  <a:gd name="connsiteY203" fmla="*/ 208577 h 714551"/>
                  <a:gd name="connsiteX204" fmla="*/ 241838 w 714552"/>
                  <a:gd name="connsiteY204" fmla="*/ 207284 h 714551"/>
                  <a:gd name="connsiteX205" fmla="*/ 220340 w 714552"/>
                  <a:gd name="connsiteY205" fmla="*/ 192856 h 714551"/>
                  <a:gd name="connsiteX206" fmla="*/ 212897 w 714552"/>
                  <a:gd name="connsiteY206" fmla="*/ 181866 h 714551"/>
                  <a:gd name="connsiteX207" fmla="*/ 89292 w 714552"/>
                  <a:gd name="connsiteY207" fmla="*/ 164538 h 714551"/>
                  <a:gd name="connsiteX208" fmla="*/ 71230 w 714552"/>
                  <a:gd name="connsiteY208" fmla="*/ 189109 h 714551"/>
                  <a:gd name="connsiteX209" fmla="*/ 58082 w 714552"/>
                  <a:gd name="connsiteY209" fmla="*/ 217524 h 714551"/>
                  <a:gd name="connsiteX210" fmla="*/ 54597 w 714552"/>
                  <a:gd name="connsiteY210" fmla="*/ 248257 h 714551"/>
                  <a:gd name="connsiteX211" fmla="*/ 61377 w 714552"/>
                  <a:gd name="connsiteY211" fmla="*/ 329972 h 714551"/>
                  <a:gd name="connsiteX212" fmla="*/ 68776 w 714552"/>
                  <a:gd name="connsiteY212" fmla="*/ 356146 h 714551"/>
                  <a:gd name="connsiteX213" fmla="*/ 82317 w 714552"/>
                  <a:gd name="connsiteY213" fmla="*/ 311660 h 714551"/>
                  <a:gd name="connsiteX214" fmla="*/ 106151 w 714552"/>
                  <a:gd name="connsiteY214" fmla="*/ 264244 h 714551"/>
                  <a:gd name="connsiteX215" fmla="*/ 96528 w 714552"/>
                  <a:gd name="connsiteY215" fmla="*/ 234535 h 714551"/>
                  <a:gd name="connsiteX216" fmla="*/ 335438 w 714552"/>
                  <a:gd name="connsiteY216" fmla="*/ 147023 h 714551"/>
                  <a:gd name="connsiteX217" fmla="*/ 330482 w 714552"/>
                  <a:gd name="connsiteY217" fmla="*/ 171457 h 714551"/>
                  <a:gd name="connsiteX218" fmla="*/ 294490 w 714552"/>
                  <a:gd name="connsiteY218" fmla="*/ 207284 h 714551"/>
                  <a:gd name="connsiteX219" fmla="*/ 269065 w 714552"/>
                  <a:gd name="connsiteY219" fmla="*/ 212394 h 714551"/>
                  <a:gd name="connsiteX220" fmla="*/ 296247 w 714552"/>
                  <a:gd name="connsiteY220" fmla="*/ 236824 h 714551"/>
                  <a:gd name="connsiteX221" fmla="*/ 303795 w 714552"/>
                  <a:gd name="connsiteY221" fmla="*/ 228353 h 714551"/>
                  <a:gd name="connsiteX222" fmla="*/ 370075 w 714552"/>
                  <a:gd name="connsiteY222" fmla="*/ 168602 h 714551"/>
                  <a:gd name="connsiteX223" fmla="*/ 610571 w 714552"/>
                  <a:gd name="connsiteY223" fmla="*/ 145240 h 714551"/>
                  <a:gd name="connsiteX224" fmla="*/ 591321 w 714552"/>
                  <a:gd name="connsiteY224" fmla="*/ 197895 h 714551"/>
                  <a:gd name="connsiteX225" fmla="*/ 632549 w 714552"/>
                  <a:gd name="connsiteY225" fmla="*/ 261660 h 714551"/>
                  <a:gd name="connsiteX226" fmla="*/ 643791 w 714552"/>
                  <a:gd name="connsiteY226" fmla="*/ 291798 h 714551"/>
                  <a:gd name="connsiteX227" fmla="*/ 647227 w 714552"/>
                  <a:gd name="connsiteY227" fmla="*/ 278269 h 714551"/>
                  <a:gd name="connsiteX228" fmla="*/ 640623 w 714552"/>
                  <a:gd name="connsiteY228" fmla="*/ 187681 h 714551"/>
                  <a:gd name="connsiteX229" fmla="*/ 624696 w 714552"/>
                  <a:gd name="connsiteY229" fmla="*/ 160835 h 714551"/>
                  <a:gd name="connsiteX230" fmla="*/ 123273 w 714552"/>
                  <a:gd name="connsiteY230" fmla="*/ 123877 h 714551"/>
                  <a:gd name="connsiteX231" fmla="*/ 111030 w 714552"/>
                  <a:gd name="connsiteY231" fmla="*/ 134966 h 714551"/>
                  <a:gd name="connsiteX232" fmla="*/ 103045 w 714552"/>
                  <a:gd name="connsiteY232" fmla="*/ 145830 h 714551"/>
                  <a:gd name="connsiteX233" fmla="*/ 108418 w 714552"/>
                  <a:gd name="connsiteY233" fmla="*/ 223381 h 714551"/>
                  <a:gd name="connsiteX234" fmla="*/ 115123 w 714552"/>
                  <a:gd name="connsiteY234" fmla="*/ 246394 h 714551"/>
                  <a:gd name="connsiteX235" fmla="*/ 118983 w 714552"/>
                  <a:gd name="connsiteY235" fmla="*/ 238715 h 714551"/>
                  <a:gd name="connsiteX236" fmla="*/ 153408 w 714552"/>
                  <a:gd name="connsiteY236" fmla="*/ 189961 h 714551"/>
                  <a:gd name="connsiteX237" fmla="*/ 181108 w 714552"/>
                  <a:gd name="connsiteY237" fmla="*/ 159818 h 714551"/>
                  <a:gd name="connsiteX238" fmla="*/ 125841 w 714552"/>
                  <a:gd name="connsiteY238" fmla="*/ 125213 h 714551"/>
                  <a:gd name="connsiteX239" fmla="*/ 491029 w 714552"/>
                  <a:gd name="connsiteY239" fmla="*/ 116871 h 714551"/>
                  <a:gd name="connsiteX240" fmla="*/ 443339 w 714552"/>
                  <a:gd name="connsiteY240" fmla="*/ 140715 h 714551"/>
                  <a:gd name="connsiteX241" fmla="*/ 402963 w 714552"/>
                  <a:gd name="connsiteY241" fmla="*/ 169337 h 714551"/>
                  <a:gd name="connsiteX242" fmla="*/ 450243 w 714552"/>
                  <a:gd name="connsiteY242" fmla="*/ 204546 h 714551"/>
                  <a:gd name="connsiteX243" fmla="*/ 488338 w 714552"/>
                  <a:gd name="connsiteY243" fmla="*/ 244269 h 714551"/>
                  <a:gd name="connsiteX244" fmla="*/ 494339 w 714552"/>
                  <a:gd name="connsiteY244" fmla="*/ 235409 h 714551"/>
                  <a:gd name="connsiteX245" fmla="*/ 529686 w 714552"/>
                  <a:gd name="connsiteY245" fmla="*/ 220835 h 714551"/>
                  <a:gd name="connsiteX246" fmla="*/ 549144 w 714552"/>
                  <a:gd name="connsiteY246" fmla="*/ 224745 h 714551"/>
                  <a:gd name="connsiteX247" fmla="*/ 554261 w 714552"/>
                  <a:gd name="connsiteY247" fmla="*/ 228179 h 714551"/>
                  <a:gd name="connsiteX248" fmla="*/ 564930 w 714552"/>
                  <a:gd name="connsiteY248" fmla="*/ 210023 h 714551"/>
                  <a:gd name="connsiteX249" fmla="*/ 571873 w 714552"/>
                  <a:gd name="connsiteY249" fmla="*/ 191034 h 714551"/>
                  <a:gd name="connsiteX250" fmla="*/ 535575 w 714552"/>
                  <a:gd name="connsiteY250" fmla="*/ 152338 h 714551"/>
                  <a:gd name="connsiteX251" fmla="*/ 492030 w 714552"/>
                  <a:gd name="connsiteY251" fmla="*/ 117465 h 714551"/>
                  <a:gd name="connsiteX252" fmla="*/ 149397 w 714552"/>
                  <a:gd name="connsiteY252" fmla="*/ 100216 h 714551"/>
                  <a:gd name="connsiteX253" fmla="*/ 133681 w 714552"/>
                  <a:gd name="connsiteY253" fmla="*/ 114451 h 714551"/>
                  <a:gd name="connsiteX254" fmla="*/ 189461 w 714552"/>
                  <a:gd name="connsiteY254" fmla="*/ 150730 h 714551"/>
                  <a:gd name="connsiteX255" fmla="*/ 193017 w 714552"/>
                  <a:gd name="connsiteY255" fmla="*/ 146860 h 714551"/>
                  <a:gd name="connsiteX256" fmla="*/ 201456 w 714552"/>
                  <a:gd name="connsiteY256" fmla="*/ 140692 h 714551"/>
                  <a:gd name="connsiteX257" fmla="*/ 205846 w 714552"/>
                  <a:gd name="connsiteY257" fmla="*/ 119047 h 714551"/>
                  <a:gd name="connsiteX258" fmla="*/ 214270 w 714552"/>
                  <a:gd name="connsiteY258" fmla="*/ 106610 h 714551"/>
                  <a:gd name="connsiteX259" fmla="*/ 551006 w 714552"/>
                  <a:gd name="connsiteY259" fmla="*/ 90021 h 714551"/>
                  <a:gd name="connsiteX260" fmla="*/ 532814 w 714552"/>
                  <a:gd name="connsiteY260" fmla="*/ 95982 h 714551"/>
                  <a:gd name="connsiteX261" fmla="*/ 504524 w 714552"/>
                  <a:gd name="connsiteY261" fmla="*/ 110125 h 714551"/>
                  <a:gd name="connsiteX262" fmla="*/ 529575 w 714552"/>
                  <a:gd name="connsiteY262" fmla="*/ 128577 h 714551"/>
                  <a:gd name="connsiteX263" fmla="*/ 576789 w 714552"/>
                  <a:gd name="connsiteY263" fmla="*/ 177584 h 714551"/>
                  <a:gd name="connsiteX264" fmla="*/ 594929 w 714552"/>
                  <a:gd name="connsiteY264" fmla="*/ 127970 h 714551"/>
                  <a:gd name="connsiteX265" fmla="*/ 579586 w 714552"/>
                  <a:gd name="connsiteY265" fmla="*/ 111030 h 714551"/>
                  <a:gd name="connsiteX266" fmla="*/ 383383 w 714552"/>
                  <a:gd name="connsiteY266" fmla="*/ 66055 h 714551"/>
                  <a:gd name="connsiteX267" fmla="*/ 309627 w 714552"/>
                  <a:gd name="connsiteY267" fmla="*/ 93378 h 714551"/>
                  <a:gd name="connsiteX268" fmla="*/ 315988 w 714552"/>
                  <a:gd name="connsiteY268" fmla="*/ 97648 h 714551"/>
                  <a:gd name="connsiteX269" fmla="*/ 330482 w 714552"/>
                  <a:gd name="connsiteY269" fmla="*/ 119047 h 714551"/>
                  <a:gd name="connsiteX270" fmla="*/ 331969 w 714552"/>
                  <a:gd name="connsiteY270" fmla="*/ 126377 h 714551"/>
                  <a:gd name="connsiteX271" fmla="*/ 374074 w 714552"/>
                  <a:gd name="connsiteY271" fmla="*/ 147823 h 714551"/>
                  <a:gd name="connsiteX272" fmla="*/ 386244 w 714552"/>
                  <a:gd name="connsiteY272" fmla="*/ 156886 h 714551"/>
                  <a:gd name="connsiteX273" fmla="*/ 441299 w 714552"/>
                  <a:gd name="connsiteY273" fmla="*/ 117856 h 714551"/>
                  <a:gd name="connsiteX274" fmla="*/ 469184 w 714552"/>
                  <a:gd name="connsiteY274" fmla="*/ 103915 h 714551"/>
                  <a:gd name="connsiteX275" fmla="*/ 444756 w 714552"/>
                  <a:gd name="connsiteY275" fmla="*/ 89425 h 714551"/>
                  <a:gd name="connsiteX276" fmla="*/ 394511 w 714552"/>
                  <a:gd name="connsiteY276" fmla="*/ 68285 h 714551"/>
                  <a:gd name="connsiteX277" fmla="*/ 494347 w 714552"/>
                  <a:gd name="connsiteY277" fmla="*/ 56841 h 714551"/>
                  <a:gd name="connsiteX278" fmla="*/ 422186 w 714552"/>
                  <a:gd name="connsiteY278" fmla="*/ 60928 h 714551"/>
                  <a:gd name="connsiteX279" fmla="*/ 471636 w 714552"/>
                  <a:gd name="connsiteY279" fmla="*/ 85897 h 714551"/>
                  <a:gd name="connsiteX280" fmla="*/ 485214 w 714552"/>
                  <a:gd name="connsiteY280" fmla="*/ 95900 h 714551"/>
                  <a:gd name="connsiteX281" fmla="*/ 529133 w 714552"/>
                  <a:gd name="connsiteY281" fmla="*/ 73942 h 714551"/>
                  <a:gd name="connsiteX282" fmla="*/ 525442 w 714552"/>
                  <a:gd name="connsiteY282" fmla="*/ 71229 h 714551"/>
                  <a:gd name="connsiteX283" fmla="*/ 288153 w 714552"/>
                  <a:gd name="connsiteY283" fmla="*/ 46979 h 714551"/>
                  <a:gd name="connsiteX284" fmla="*/ 234166 w 714552"/>
                  <a:gd name="connsiteY284" fmla="*/ 50500 h 714551"/>
                  <a:gd name="connsiteX285" fmla="*/ 216915 w 714552"/>
                  <a:gd name="connsiteY285" fmla="*/ 56586 h 714551"/>
                  <a:gd name="connsiteX286" fmla="*/ 182785 w 714552"/>
                  <a:gd name="connsiteY286" fmla="*/ 76834 h 714551"/>
                  <a:gd name="connsiteX287" fmla="*/ 209134 w 714552"/>
                  <a:gd name="connsiteY287" fmla="*/ 80986 h 714551"/>
                  <a:gd name="connsiteX288" fmla="*/ 233927 w 714552"/>
                  <a:gd name="connsiteY288" fmla="*/ 88530 h 714551"/>
                  <a:gd name="connsiteX289" fmla="*/ 241838 w 714552"/>
                  <a:gd name="connsiteY289" fmla="*/ 83220 h 714551"/>
                  <a:gd name="connsiteX290" fmla="*/ 268164 w 714552"/>
                  <a:gd name="connsiteY290" fmla="*/ 77929 h 714551"/>
                  <a:gd name="connsiteX291" fmla="*/ 283200 w 714552"/>
                  <a:gd name="connsiteY291" fmla="*/ 80951 h 714551"/>
                  <a:gd name="connsiteX292" fmla="*/ 285081 w 714552"/>
                  <a:gd name="connsiteY292" fmla="*/ 79576 h 714551"/>
                  <a:gd name="connsiteX293" fmla="*/ 343270 w 714552"/>
                  <a:gd name="connsiteY293" fmla="*/ 58020 h 714551"/>
                  <a:gd name="connsiteX294" fmla="*/ 340351 w 714552"/>
                  <a:gd name="connsiteY294" fmla="*/ 25957 h 714551"/>
                  <a:gd name="connsiteX295" fmla="*/ 313464 w 714552"/>
                  <a:gd name="connsiteY295" fmla="*/ 29926 h 714551"/>
                  <a:gd name="connsiteX296" fmla="*/ 342538 w 714552"/>
                  <a:gd name="connsiteY296" fmla="*/ 33543 h 714551"/>
                  <a:gd name="connsiteX297" fmla="*/ 378845 w 714552"/>
                  <a:gd name="connsiteY297" fmla="*/ 44841 h 714551"/>
                  <a:gd name="connsiteX298" fmla="*/ 389757 w 714552"/>
                  <a:gd name="connsiteY298" fmla="*/ 40799 h 714551"/>
                  <a:gd name="connsiteX299" fmla="*/ 441514 w 714552"/>
                  <a:gd name="connsiteY299" fmla="*/ 37867 h 714551"/>
                  <a:gd name="connsiteX300" fmla="*/ 403941 w 714552"/>
                  <a:gd name="connsiteY300" fmla="*/ 28789 h 714551"/>
                  <a:gd name="connsiteX301" fmla="*/ 340351 w 714552"/>
                  <a:gd name="connsiteY301" fmla="*/ 25957 h 714551"/>
                  <a:gd name="connsiteX302" fmla="*/ 356186 w 714552"/>
                  <a:gd name="connsiteY302" fmla="*/ 2 h 714551"/>
                  <a:gd name="connsiteX303" fmla="*/ 596689 w 714552"/>
                  <a:gd name="connsiteY303" fmla="*/ 92086 h 714551"/>
                  <a:gd name="connsiteX304" fmla="*/ 616572 w 714552"/>
                  <a:gd name="connsiteY304" fmla="*/ 114039 h 714551"/>
                  <a:gd name="connsiteX305" fmla="*/ 620730 w 714552"/>
                  <a:gd name="connsiteY305" fmla="*/ 116955 h 714551"/>
                  <a:gd name="connsiteX306" fmla="*/ 620423 w 714552"/>
                  <a:gd name="connsiteY306" fmla="*/ 118290 h 714551"/>
                  <a:gd name="connsiteX307" fmla="*/ 645269 w 714552"/>
                  <a:gd name="connsiteY307" fmla="*/ 145724 h 714551"/>
                  <a:gd name="connsiteX308" fmla="*/ 658367 w 714552"/>
                  <a:gd name="connsiteY308" fmla="*/ 167801 h 714551"/>
                  <a:gd name="connsiteX309" fmla="*/ 660378 w 714552"/>
                  <a:gd name="connsiteY309" fmla="*/ 166925 h 714551"/>
                  <a:gd name="connsiteX310" fmla="*/ 662200 w 714552"/>
                  <a:gd name="connsiteY310" fmla="*/ 172636 h 714551"/>
                  <a:gd name="connsiteX311" fmla="*/ 662335 w 714552"/>
                  <a:gd name="connsiteY311" fmla="*/ 174488 h 714551"/>
                  <a:gd name="connsiteX312" fmla="*/ 681099 w 714552"/>
                  <a:gd name="connsiteY312" fmla="*/ 206115 h 714551"/>
                  <a:gd name="connsiteX313" fmla="*/ 694817 w 714552"/>
                  <a:gd name="connsiteY313" fmla="*/ 474650 h 714551"/>
                  <a:gd name="connsiteX314" fmla="*/ 670187 w 714552"/>
                  <a:gd name="connsiteY314" fmla="*/ 527879 h 714551"/>
                  <a:gd name="connsiteX315" fmla="*/ 669572 w 714552"/>
                  <a:gd name="connsiteY315" fmla="*/ 530550 h 714551"/>
                  <a:gd name="connsiteX316" fmla="*/ 668813 w 714552"/>
                  <a:gd name="connsiteY316" fmla="*/ 532071 h 714551"/>
                  <a:gd name="connsiteX317" fmla="*/ 666674 w 714552"/>
                  <a:gd name="connsiteY317" fmla="*/ 535472 h 714551"/>
                  <a:gd name="connsiteX318" fmla="*/ 665329 w 714552"/>
                  <a:gd name="connsiteY318" fmla="*/ 538379 h 714551"/>
                  <a:gd name="connsiteX319" fmla="*/ 661969 w 714552"/>
                  <a:gd name="connsiteY319" fmla="*/ 542950 h 714551"/>
                  <a:gd name="connsiteX320" fmla="*/ 650198 w 714552"/>
                  <a:gd name="connsiteY320" fmla="*/ 561656 h 714551"/>
                  <a:gd name="connsiteX321" fmla="*/ 645757 w 714552"/>
                  <a:gd name="connsiteY321" fmla="*/ 567383 h 714551"/>
                  <a:gd name="connsiteX322" fmla="*/ 646743 w 714552"/>
                  <a:gd name="connsiteY322" fmla="*/ 563662 h 714551"/>
                  <a:gd name="connsiteX323" fmla="*/ 643528 w 714552"/>
                  <a:gd name="connsiteY323" fmla="*/ 568036 h 714551"/>
                  <a:gd name="connsiteX324" fmla="*/ 643635 w 714552"/>
                  <a:gd name="connsiteY324" fmla="*/ 568822 h 714551"/>
                  <a:gd name="connsiteX325" fmla="*/ 644920 w 714552"/>
                  <a:gd name="connsiteY325" fmla="*/ 568464 h 714551"/>
                  <a:gd name="connsiteX326" fmla="*/ 628953 w 714552"/>
                  <a:gd name="connsiteY326" fmla="*/ 589050 h 714551"/>
                  <a:gd name="connsiteX327" fmla="*/ 625015 w 714552"/>
                  <a:gd name="connsiteY327" fmla="*/ 593221 h 714551"/>
                  <a:gd name="connsiteX328" fmla="*/ 622466 w 714552"/>
                  <a:gd name="connsiteY328" fmla="*/ 596688 h 714551"/>
                  <a:gd name="connsiteX329" fmla="*/ 602356 w 714552"/>
                  <a:gd name="connsiteY329" fmla="*/ 614903 h 714551"/>
                  <a:gd name="connsiteX330" fmla="*/ 603020 w 714552"/>
                  <a:gd name="connsiteY330" fmla="*/ 616094 h 714551"/>
                  <a:gd name="connsiteX331" fmla="*/ 596409 w 714552"/>
                  <a:gd name="connsiteY331" fmla="*/ 621868 h 714551"/>
                  <a:gd name="connsiteX332" fmla="*/ 595837 w 714552"/>
                  <a:gd name="connsiteY332" fmla="*/ 620806 h 714551"/>
                  <a:gd name="connsiteX333" fmla="*/ 568829 w 714552"/>
                  <a:gd name="connsiteY333" fmla="*/ 645269 h 714551"/>
                  <a:gd name="connsiteX334" fmla="*/ 551809 w 714552"/>
                  <a:gd name="connsiteY334" fmla="*/ 655367 h 714551"/>
                  <a:gd name="connsiteX335" fmla="*/ 554292 w 714552"/>
                  <a:gd name="connsiteY335" fmla="*/ 654736 h 714551"/>
                  <a:gd name="connsiteX336" fmla="*/ 551567 w 714552"/>
                  <a:gd name="connsiteY336" fmla="*/ 656691 h 714551"/>
                  <a:gd name="connsiteX337" fmla="*/ 521934 w 714552"/>
                  <a:gd name="connsiteY337" fmla="*/ 673931 h 714551"/>
                  <a:gd name="connsiteX338" fmla="*/ 515614 w 714552"/>
                  <a:gd name="connsiteY338" fmla="*/ 676839 h 714551"/>
                  <a:gd name="connsiteX339" fmla="*/ 508436 w 714552"/>
                  <a:gd name="connsiteY339" fmla="*/ 681098 h 714551"/>
                  <a:gd name="connsiteX340" fmla="*/ 117864 w 714552"/>
                  <a:gd name="connsiteY340" fmla="*/ 622466 h 714551"/>
                  <a:gd name="connsiteX341" fmla="*/ 87593 w 714552"/>
                  <a:gd name="connsiteY341" fmla="*/ 589044 h 714551"/>
                  <a:gd name="connsiteX342" fmla="*/ 81891 w 714552"/>
                  <a:gd name="connsiteY342" fmla="*/ 588244 h 714551"/>
                  <a:gd name="connsiteX343" fmla="*/ 83326 w 714552"/>
                  <a:gd name="connsiteY343" fmla="*/ 584333 h 714551"/>
                  <a:gd name="connsiteX344" fmla="*/ 69282 w 714552"/>
                  <a:gd name="connsiteY344" fmla="*/ 568828 h 714551"/>
                  <a:gd name="connsiteX345" fmla="*/ 49224 w 714552"/>
                  <a:gd name="connsiteY345" fmla="*/ 176173 h 714551"/>
                  <a:gd name="connsiteX346" fmla="*/ 61800 w 714552"/>
                  <a:gd name="connsiteY346" fmla="*/ 159064 h 714551"/>
                  <a:gd name="connsiteX347" fmla="*/ 63093 w 714552"/>
                  <a:gd name="connsiteY347" fmla="*/ 154269 h 714551"/>
                  <a:gd name="connsiteX348" fmla="*/ 64558 w 714552"/>
                  <a:gd name="connsiteY348" fmla="*/ 151941 h 714551"/>
                  <a:gd name="connsiteX349" fmla="*/ 68847 w 714552"/>
                  <a:gd name="connsiteY349" fmla="*/ 146412 h 714551"/>
                  <a:gd name="connsiteX350" fmla="*/ 67570 w 714552"/>
                  <a:gd name="connsiteY350" fmla="*/ 151215 h 714551"/>
                  <a:gd name="connsiteX351" fmla="*/ 88322 w 714552"/>
                  <a:gd name="connsiteY351" fmla="*/ 122985 h 714551"/>
                  <a:gd name="connsiteX352" fmla="*/ 88384 w 714552"/>
                  <a:gd name="connsiteY352" fmla="*/ 121815 h 714551"/>
                  <a:gd name="connsiteX353" fmla="*/ 91983 w 714552"/>
                  <a:gd name="connsiteY353" fmla="*/ 118005 h 714551"/>
                  <a:gd name="connsiteX354" fmla="*/ 92086 w 714552"/>
                  <a:gd name="connsiteY354" fmla="*/ 117863 h 714551"/>
                  <a:gd name="connsiteX355" fmla="*/ 92290 w 714552"/>
                  <a:gd name="connsiteY355" fmla="*/ 117679 h 714551"/>
                  <a:gd name="connsiteX356" fmla="*/ 98575 w 714552"/>
                  <a:gd name="connsiteY356" fmla="*/ 111021 h 714551"/>
                  <a:gd name="connsiteX357" fmla="*/ 98574 w 714552"/>
                  <a:gd name="connsiteY357" fmla="*/ 111021 h 714551"/>
                  <a:gd name="connsiteX358" fmla="*/ 109194 w 714552"/>
                  <a:gd name="connsiteY358" fmla="*/ 99775 h 714551"/>
                  <a:gd name="connsiteX359" fmla="*/ 110978 w 714552"/>
                  <a:gd name="connsiteY359" fmla="*/ 100753 h 714551"/>
                  <a:gd name="connsiteX360" fmla="*/ 114309 w 714552"/>
                  <a:gd name="connsiteY360" fmla="*/ 97735 h 714551"/>
                  <a:gd name="connsiteX361" fmla="*/ 111203 w 714552"/>
                  <a:gd name="connsiteY361" fmla="*/ 97969 h 714551"/>
                  <a:gd name="connsiteX362" fmla="*/ 135331 w 714552"/>
                  <a:gd name="connsiteY362" fmla="*/ 76894 h 714551"/>
                  <a:gd name="connsiteX363" fmla="*/ 141004 w 714552"/>
                  <a:gd name="connsiteY363" fmla="*/ 72824 h 714551"/>
                  <a:gd name="connsiteX364" fmla="*/ 141764 w 714552"/>
                  <a:gd name="connsiteY364" fmla="*/ 72869 h 714551"/>
                  <a:gd name="connsiteX365" fmla="*/ 145724 w 714552"/>
                  <a:gd name="connsiteY365" fmla="*/ 69282 h 714551"/>
                  <a:gd name="connsiteX366" fmla="*/ 165762 w 714552"/>
                  <a:gd name="connsiteY366" fmla="*/ 57395 h 714551"/>
                  <a:gd name="connsiteX367" fmla="*/ 160785 w 714552"/>
                  <a:gd name="connsiteY367" fmla="*/ 58633 h 714551"/>
                  <a:gd name="connsiteX368" fmla="*/ 163189 w 714552"/>
                  <a:gd name="connsiteY368" fmla="*/ 56907 h 714551"/>
                  <a:gd name="connsiteX369" fmla="*/ 190471 w 714552"/>
                  <a:gd name="connsiteY369" fmla="*/ 42735 h 714551"/>
                  <a:gd name="connsiteX370" fmla="*/ 206116 w 714552"/>
                  <a:gd name="connsiteY370" fmla="*/ 33453 h 714551"/>
                  <a:gd name="connsiteX371" fmla="*/ 213043 w 714552"/>
                  <a:gd name="connsiteY371" fmla="*/ 31009 h 714551"/>
                  <a:gd name="connsiteX372" fmla="*/ 224021 w 714552"/>
                  <a:gd name="connsiteY372" fmla="*/ 25307 h 714551"/>
                  <a:gd name="connsiteX373" fmla="*/ 225919 w 714552"/>
                  <a:gd name="connsiteY373" fmla="*/ 24646 h 714551"/>
                  <a:gd name="connsiteX374" fmla="*/ 231396 w 714552"/>
                  <a:gd name="connsiteY374" fmla="*/ 24535 h 714551"/>
                  <a:gd name="connsiteX375" fmla="*/ 271235 w 714552"/>
                  <a:gd name="connsiteY375" fmla="*/ 10481 h 714551"/>
                  <a:gd name="connsiteX376" fmla="*/ 356186 w 714552"/>
                  <a:gd name="connsiteY376" fmla="*/ 2 h 71455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</a:cxnLst>
                <a:rect l="l" t="t" r="r" b="b"/>
                <a:pathLst>
                  <a:path w="714552" h="714551">
                    <a:moveTo>
                      <a:pt x="328118" y="655919"/>
                    </a:moveTo>
                    <a:lnTo>
                      <a:pt x="259850" y="673497"/>
                    </a:lnTo>
                    <a:lnTo>
                      <a:pt x="310612" y="685762"/>
                    </a:lnTo>
                    <a:cubicBezTo>
                      <a:pt x="352793" y="691715"/>
                      <a:pt x="395818" y="689517"/>
                      <a:pt x="437172" y="679297"/>
                    </a:cubicBezTo>
                    <a:lnTo>
                      <a:pt x="446149" y="676129"/>
                    </a:lnTo>
                    <a:lnTo>
                      <a:pt x="377337" y="671533"/>
                    </a:lnTo>
                    <a:close/>
                    <a:moveTo>
                      <a:pt x="220072" y="602681"/>
                    </a:moveTo>
                    <a:lnTo>
                      <a:pt x="171570" y="630428"/>
                    </a:lnTo>
                    <a:lnTo>
                      <a:pt x="189111" y="643321"/>
                    </a:lnTo>
                    <a:lnTo>
                      <a:pt x="229960" y="662222"/>
                    </a:lnTo>
                    <a:lnTo>
                      <a:pt x="295577" y="645328"/>
                    </a:lnTo>
                    <a:lnTo>
                      <a:pt x="224981" y="606740"/>
                    </a:lnTo>
                    <a:close/>
                    <a:moveTo>
                      <a:pt x="457428" y="594412"/>
                    </a:moveTo>
                    <a:lnTo>
                      <a:pt x="439487" y="606671"/>
                    </a:lnTo>
                    <a:lnTo>
                      <a:pt x="438432" y="611871"/>
                    </a:lnTo>
                    <a:cubicBezTo>
                      <a:pt x="428165" y="636034"/>
                      <a:pt x="404129" y="652989"/>
                      <a:pt x="376114" y="652989"/>
                    </a:cubicBezTo>
                    <a:lnTo>
                      <a:pt x="354792" y="648704"/>
                    </a:lnTo>
                    <a:lnTo>
                      <a:pt x="353229" y="649454"/>
                    </a:lnTo>
                    <a:lnTo>
                      <a:pt x="350275" y="650213"/>
                    </a:lnTo>
                    <a:lnTo>
                      <a:pt x="374823" y="658184"/>
                    </a:lnTo>
                    <a:cubicBezTo>
                      <a:pt x="402311" y="664064"/>
                      <a:pt x="429759" y="666944"/>
                      <a:pt x="456843" y="667043"/>
                    </a:cubicBezTo>
                    <a:lnTo>
                      <a:pt x="477710" y="664995"/>
                    </a:lnTo>
                    <a:lnTo>
                      <a:pt x="497638" y="657965"/>
                    </a:lnTo>
                    <a:cubicBezTo>
                      <a:pt x="517167" y="648859"/>
                      <a:pt x="535964" y="637764"/>
                      <a:pt x="553716" y="624695"/>
                    </a:cubicBezTo>
                    <a:lnTo>
                      <a:pt x="577663" y="603006"/>
                    </a:lnTo>
                    <a:lnTo>
                      <a:pt x="520293" y="603697"/>
                    </a:lnTo>
                    <a:close/>
                    <a:moveTo>
                      <a:pt x="316201" y="538143"/>
                    </a:moveTo>
                    <a:lnTo>
                      <a:pt x="275347" y="571060"/>
                    </a:lnTo>
                    <a:lnTo>
                      <a:pt x="231948" y="595887"/>
                    </a:lnTo>
                    <a:lnTo>
                      <a:pt x="296358" y="632709"/>
                    </a:lnTo>
                    <a:lnTo>
                      <a:pt x="317690" y="639634"/>
                    </a:lnTo>
                    <a:lnTo>
                      <a:pt x="332204" y="635897"/>
                    </a:lnTo>
                    <a:lnTo>
                      <a:pt x="328290" y="633270"/>
                    </a:lnTo>
                    <a:cubicBezTo>
                      <a:pt x="316051" y="621087"/>
                      <a:pt x="308481" y="604257"/>
                      <a:pt x="308481" y="585666"/>
                    </a:cubicBezTo>
                    <a:cubicBezTo>
                      <a:pt x="308481" y="576371"/>
                      <a:pt x="310374" y="567516"/>
                      <a:pt x="313796" y="559461"/>
                    </a:cubicBezTo>
                    <a:lnTo>
                      <a:pt x="324802" y="543212"/>
                    </a:lnTo>
                    <a:lnTo>
                      <a:pt x="319552" y="540630"/>
                    </a:lnTo>
                    <a:close/>
                    <a:moveTo>
                      <a:pt x="538682" y="526760"/>
                    </a:moveTo>
                    <a:lnTo>
                      <a:pt x="502253" y="563783"/>
                    </a:lnTo>
                    <a:lnTo>
                      <a:pt x="479974" y="579006"/>
                    </a:lnTo>
                    <a:lnTo>
                      <a:pt x="555317" y="582502"/>
                    </a:lnTo>
                    <a:lnTo>
                      <a:pt x="573402" y="580085"/>
                    </a:lnTo>
                    <a:close/>
                    <a:moveTo>
                      <a:pt x="130738" y="516300"/>
                    </a:moveTo>
                    <a:lnTo>
                      <a:pt x="107672" y="573385"/>
                    </a:lnTo>
                    <a:lnTo>
                      <a:pt x="134967" y="603521"/>
                    </a:lnTo>
                    <a:lnTo>
                      <a:pt x="155115" y="618332"/>
                    </a:lnTo>
                    <a:lnTo>
                      <a:pt x="156019" y="617950"/>
                    </a:lnTo>
                    <a:lnTo>
                      <a:pt x="204793" y="590049"/>
                    </a:lnTo>
                    <a:lnTo>
                      <a:pt x="163347" y="555778"/>
                    </a:lnTo>
                    <a:close/>
                    <a:moveTo>
                      <a:pt x="615643" y="493637"/>
                    </a:moveTo>
                    <a:lnTo>
                      <a:pt x="612283" y="495891"/>
                    </a:lnTo>
                    <a:cubicBezTo>
                      <a:pt x="604192" y="499298"/>
                      <a:pt x="595295" y="501182"/>
                      <a:pt x="585957" y="501182"/>
                    </a:cubicBezTo>
                    <a:lnTo>
                      <a:pt x="567500" y="497473"/>
                    </a:lnTo>
                    <a:lnTo>
                      <a:pt x="543971" y="521386"/>
                    </a:lnTo>
                    <a:lnTo>
                      <a:pt x="582269" y="578902"/>
                    </a:lnTo>
                    <a:lnTo>
                      <a:pt x="606394" y="575678"/>
                    </a:lnTo>
                    <a:lnTo>
                      <a:pt x="625800" y="549279"/>
                    </a:lnTo>
                    <a:lnTo>
                      <a:pt x="620151" y="508473"/>
                    </a:lnTo>
                    <a:close/>
                    <a:moveTo>
                      <a:pt x="201629" y="438704"/>
                    </a:moveTo>
                    <a:lnTo>
                      <a:pt x="192533" y="452135"/>
                    </a:lnTo>
                    <a:cubicBezTo>
                      <a:pt x="183487" y="461140"/>
                      <a:pt x="170989" y="466709"/>
                      <a:pt x="157185" y="466709"/>
                    </a:cubicBezTo>
                    <a:lnTo>
                      <a:pt x="154581" y="466186"/>
                    </a:lnTo>
                    <a:lnTo>
                      <a:pt x="141593" y="489433"/>
                    </a:lnTo>
                    <a:lnTo>
                      <a:pt x="136775" y="501359"/>
                    </a:lnTo>
                    <a:lnTo>
                      <a:pt x="167148" y="540728"/>
                    </a:lnTo>
                    <a:lnTo>
                      <a:pt x="216087" y="583587"/>
                    </a:lnTo>
                    <a:lnTo>
                      <a:pt x="268827" y="553416"/>
                    </a:lnTo>
                    <a:lnTo>
                      <a:pt x="301409" y="527166"/>
                    </a:lnTo>
                    <a:lnTo>
                      <a:pt x="239295" y="481073"/>
                    </a:lnTo>
                    <a:close/>
                    <a:moveTo>
                      <a:pt x="75148" y="424623"/>
                    </a:moveTo>
                    <a:lnTo>
                      <a:pt x="68128" y="517092"/>
                    </a:lnTo>
                    <a:lnTo>
                      <a:pt x="89856" y="553715"/>
                    </a:lnTo>
                    <a:lnTo>
                      <a:pt x="93201" y="557408"/>
                    </a:lnTo>
                    <a:lnTo>
                      <a:pt x="100678" y="537022"/>
                    </a:lnTo>
                    <a:lnTo>
                      <a:pt x="117560" y="500348"/>
                    </a:lnTo>
                    <a:lnTo>
                      <a:pt x="113149" y="495007"/>
                    </a:lnTo>
                    <a:cubicBezTo>
                      <a:pt x="98468" y="473330"/>
                      <a:pt x="85909" y="450339"/>
                      <a:pt x="75692" y="426356"/>
                    </a:cubicBezTo>
                    <a:close/>
                    <a:moveTo>
                      <a:pt x="453263" y="411388"/>
                    </a:moveTo>
                    <a:lnTo>
                      <a:pt x="389873" y="478786"/>
                    </a:lnTo>
                    <a:lnTo>
                      <a:pt x="328297" y="528399"/>
                    </a:lnTo>
                    <a:lnTo>
                      <a:pt x="331685" y="530813"/>
                    </a:lnTo>
                    <a:lnTo>
                      <a:pt x="336204" y="532751"/>
                    </a:lnTo>
                    <a:lnTo>
                      <a:pt x="349788" y="523634"/>
                    </a:lnTo>
                    <a:cubicBezTo>
                      <a:pt x="357880" y="520227"/>
                      <a:pt x="366776" y="518343"/>
                      <a:pt x="376114" y="518343"/>
                    </a:cubicBezTo>
                    <a:cubicBezTo>
                      <a:pt x="404129" y="518343"/>
                      <a:pt x="428165" y="535298"/>
                      <a:pt x="438432" y="559461"/>
                    </a:cubicBezTo>
                    <a:lnTo>
                      <a:pt x="440604" y="570167"/>
                    </a:lnTo>
                    <a:lnTo>
                      <a:pt x="454963" y="573453"/>
                    </a:lnTo>
                    <a:lnTo>
                      <a:pt x="488068" y="550832"/>
                    </a:lnTo>
                    <a:lnTo>
                      <a:pt x="527959" y="510293"/>
                    </a:lnTo>
                    <a:lnTo>
                      <a:pt x="504045" y="473567"/>
                    </a:lnTo>
                    <a:close/>
                    <a:moveTo>
                      <a:pt x="651346" y="349532"/>
                    </a:moveTo>
                    <a:lnTo>
                      <a:pt x="643454" y="380614"/>
                    </a:lnTo>
                    <a:lnTo>
                      <a:pt x="637207" y="391313"/>
                    </a:lnTo>
                    <a:lnTo>
                      <a:pt x="648275" y="407654"/>
                    </a:lnTo>
                    <a:cubicBezTo>
                      <a:pt x="651698" y="415709"/>
                      <a:pt x="653590" y="424564"/>
                      <a:pt x="653590" y="433859"/>
                    </a:cubicBezTo>
                    <a:cubicBezTo>
                      <a:pt x="653590" y="452450"/>
                      <a:pt x="646020" y="469280"/>
                      <a:pt x="633781" y="481464"/>
                    </a:cubicBezTo>
                    <a:lnTo>
                      <a:pt x="624550" y="487659"/>
                    </a:lnTo>
                    <a:lnTo>
                      <a:pt x="638611" y="531850"/>
                    </a:lnTo>
                    <a:lnTo>
                      <a:pt x="643322" y="525441"/>
                    </a:lnTo>
                    <a:lnTo>
                      <a:pt x="659115" y="491310"/>
                    </a:lnTo>
                    <a:lnTo>
                      <a:pt x="663936" y="445312"/>
                    </a:lnTo>
                    <a:cubicBezTo>
                      <a:pt x="663838" y="415662"/>
                      <a:pt x="660529" y="386032"/>
                      <a:pt x="653947" y="356979"/>
                    </a:cubicBezTo>
                    <a:close/>
                    <a:moveTo>
                      <a:pt x="524331" y="319279"/>
                    </a:moveTo>
                    <a:lnTo>
                      <a:pt x="471043" y="392481"/>
                    </a:lnTo>
                    <a:lnTo>
                      <a:pt x="458035" y="406314"/>
                    </a:lnTo>
                    <a:lnTo>
                      <a:pt x="506980" y="465833"/>
                    </a:lnTo>
                    <a:lnTo>
                      <a:pt x="533103" y="505065"/>
                    </a:lnTo>
                    <a:lnTo>
                      <a:pt x="549090" y="488817"/>
                    </a:lnTo>
                    <a:lnTo>
                      <a:pt x="538133" y="481464"/>
                    </a:lnTo>
                    <a:cubicBezTo>
                      <a:pt x="525894" y="469280"/>
                      <a:pt x="518324" y="452450"/>
                      <a:pt x="518324" y="433859"/>
                    </a:cubicBezTo>
                    <a:cubicBezTo>
                      <a:pt x="518324" y="405973"/>
                      <a:pt x="535357" y="382047"/>
                      <a:pt x="559631" y="371827"/>
                    </a:cubicBezTo>
                    <a:lnTo>
                      <a:pt x="567027" y="370340"/>
                    </a:lnTo>
                    <a:lnTo>
                      <a:pt x="561361" y="358622"/>
                    </a:lnTo>
                    <a:lnTo>
                      <a:pt x="534247" y="319439"/>
                    </a:lnTo>
                    <a:lnTo>
                      <a:pt x="529686" y="320355"/>
                    </a:lnTo>
                    <a:close/>
                    <a:moveTo>
                      <a:pt x="114964" y="291459"/>
                    </a:moveTo>
                    <a:lnTo>
                      <a:pt x="100667" y="319901"/>
                    </a:lnTo>
                    <a:lnTo>
                      <a:pt x="78819" y="391679"/>
                    </a:lnTo>
                    <a:lnTo>
                      <a:pt x="83230" y="407279"/>
                    </a:lnTo>
                    <a:cubicBezTo>
                      <a:pt x="92886" y="432094"/>
                      <a:pt x="104846" y="455841"/>
                      <a:pt x="118903" y="478193"/>
                    </a:cubicBezTo>
                    <a:lnTo>
                      <a:pt x="124449" y="485383"/>
                    </a:lnTo>
                    <a:lnTo>
                      <a:pt x="135525" y="461320"/>
                    </a:lnTo>
                    <a:lnTo>
                      <a:pt x="121838" y="452135"/>
                    </a:lnTo>
                    <a:cubicBezTo>
                      <a:pt x="112792" y="443130"/>
                      <a:pt x="107196" y="430690"/>
                      <a:pt x="107196" y="416949"/>
                    </a:cubicBezTo>
                    <a:cubicBezTo>
                      <a:pt x="107196" y="396338"/>
                      <a:pt x="119786" y="378653"/>
                      <a:pt x="137727" y="371099"/>
                    </a:cubicBezTo>
                    <a:lnTo>
                      <a:pt x="151152" y="368402"/>
                    </a:lnTo>
                    <a:lnTo>
                      <a:pt x="125200" y="323068"/>
                    </a:lnTo>
                    <a:close/>
                    <a:moveTo>
                      <a:pt x="304082" y="255373"/>
                    </a:moveTo>
                    <a:lnTo>
                      <a:pt x="252096" y="313710"/>
                    </a:lnTo>
                    <a:lnTo>
                      <a:pt x="197735" y="389444"/>
                    </a:lnTo>
                    <a:lnTo>
                      <a:pt x="203246" y="397580"/>
                    </a:lnTo>
                    <a:cubicBezTo>
                      <a:pt x="205775" y="403533"/>
                      <a:pt x="207174" y="410079"/>
                      <a:pt x="207174" y="416949"/>
                    </a:cubicBezTo>
                    <a:lnTo>
                      <a:pt x="205611" y="424658"/>
                    </a:lnTo>
                    <a:lnTo>
                      <a:pt x="243671" y="468093"/>
                    </a:lnTo>
                    <a:lnTo>
                      <a:pt x="313217" y="517652"/>
                    </a:lnTo>
                    <a:lnTo>
                      <a:pt x="377623" y="465761"/>
                    </a:lnTo>
                    <a:cubicBezTo>
                      <a:pt x="398646" y="445987"/>
                      <a:pt x="418382" y="425593"/>
                      <a:pt x="436779" y="404754"/>
                    </a:cubicBezTo>
                    <a:lnTo>
                      <a:pt x="442266" y="397923"/>
                    </a:lnTo>
                    <a:lnTo>
                      <a:pt x="412554" y="361545"/>
                    </a:lnTo>
                    <a:lnTo>
                      <a:pt x="401880" y="350583"/>
                    </a:lnTo>
                    <a:lnTo>
                      <a:pt x="398709" y="358202"/>
                    </a:lnTo>
                    <a:cubicBezTo>
                      <a:pt x="391007" y="365869"/>
                      <a:pt x="380366" y="370611"/>
                      <a:pt x="368613" y="370611"/>
                    </a:cubicBezTo>
                    <a:cubicBezTo>
                      <a:pt x="345107" y="370611"/>
                      <a:pt x="326051" y="351643"/>
                      <a:pt x="326051" y="328244"/>
                    </a:cubicBezTo>
                    <a:cubicBezTo>
                      <a:pt x="326051" y="316545"/>
                      <a:pt x="330815" y="305953"/>
                      <a:pt x="338518" y="298286"/>
                    </a:cubicBezTo>
                    <a:lnTo>
                      <a:pt x="347393" y="294627"/>
                    </a:lnTo>
                    <a:lnTo>
                      <a:pt x="341132" y="288197"/>
                    </a:lnTo>
                    <a:close/>
                    <a:moveTo>
                      <a:pt x="667370" y="243573"/>
                    </a:moveTo>
                    <a:lnTo>
                      <a:pt x="669797" y="276858"/>
                    </a:lnTo>
                    <a:lnTo>
                      <a:pt x="657009" y="327228"/>
                    </a:lnTo>
                    <a:lnTo>
                      <a:pt x="664540" y="347419"/>
                    </a:lnTo>
                    <a:cubicBezTo>
                      <a:pt x="671983" y="376655"/>
                      <a:pt x="676218" y="406357"/>
                      <a:pt x="677292" y="435974"/>
                    </a:cubicBezTo>
                    <a:lnTo>
                      <a:pt x="676990" y="440247"/>
                    </a:lnTo>
                    <a:lnTo>
                      <a:pt x="685763" y="403940"/>
                    </a:lnTo>
                    <a:cubicBezTo>
                      <a:pt x="691716" y="361759"/>
                      <a:pt x="689518" y="318734"/>
                      <a:pt x="679297" y="277380"/>
                    </a:cubicBezTo>
                    <a:close/>
                    <a:moveTo>
                      <a:pt x="47768" y="239816"/>
                    </a:moveTo>
                    <a:lnTo>
                      <a:pt x="43849" y="248286"/>
                    </a:lnTo>
                    <a:cubicBezTo>
                      <a:pt x="22645" y="309351"/>
                      <a:pt x="19924" y="375139"/>
                      <a:pt x="35255" y="437171"/>
                    </a:cubicBezTo>
                    <a:lnTo>
                      <a:pt x="50922" y="481583"/>
                    </a:lnTo>
                    <a:lnTo>
                      <a:pt x="57677" y="392611"/>
                    </a:lnTo>
                    <a:lnTo>
                      <a:pt x="61334" y="380598"/>
                    </a:lnTo>
                    <a:lnTo>
                      <a:pt x="52281" y="351749"/>
                    </a:lnTo>
                    <a:cubicBezTo>
                      <a:pt x="46964" y="326101"/>
                      <a:pt x="44205" y="299783"/>
                      <a:pt x="44222" y="273115"/>
                    </a:cubicBezTo>
                    <a:close/>
                    <a:moveTo>
                      <a:pt x="585900" y="211697"/>
                    </a:moveTo>
                    <a:lnTo>
                      <a:pt x="569482" y="241976"/>
                    </a:lnTo>
                    <a:lnTo>
                      <a:pt x="575747" y="251226"/>
                    </a:lnTo>
                    <a:cubicBezTo>
                      <a:pt x="578276" y="257179"/>
                      <a:pt x="579675" y="263725"/>
                      <a:pt x="579675" y="270595"/>
                    </a:cubicBezTo>
                    <a:cubicBezTo>
                      <a:pt x="579675" y="291207"/>
                      <a:pt x="567086" y="308891"/>
                      <a:pt x="549144" y="316445"/>
                    </a:cubicBezTo>
                    <a:lnTo>
                      <a:pt x="547889" y="316697"/>
                    </a:lnTo>
                    <a:lnTo>
                      <a:pt x="562398" y="336996"/>
                    </a:lnTo>
                    <a:lnTo>
                      <a:pt x="579134" y="367907"/>
                    </a:lnTo>
                    <a:lnTo>
                      <a:pt x="585957" y="366536"/>
                    </a:lnTo>
                    <a:cubicBezTo>
                      <a:pt x="595295" y="366536"/>
                      <a:pt x="604192" y="368420"/>
                      <a:pt x="612283" y="371827"/>
                    </a:cubicBezTo>
                    <a:lnTo>
                      <a:pt x="621509" y="378019"/>
                    </a:lnTo>
                    <a:lnTo>
                      <a:pt x="622202" y="376832"/>
                    </a:lnTo>
                    <a:lnTo>
                      <a:pt x="638486" y="312699"/>
                    </a:lnTo>
                    <a:lnTo>
                      <a:pt x="624308" y="272094"/>
                    </a:lnTo>
                    <a:close/>
                    <a:moveTo>
                      <a:pt x="388134" y="179850"/>
                    </a:moveTo>
                    <a:lnTo>
                      <a:pt x="376939" y="187786"/>
                    </a:lnTo>
                    <a:cubicBezTo>
                      <a:pt x="355091" y="205319"/>
                      <a:pt x="333606" y="224655"/>
                      <a:pt x="312720" y="245682"/>
                    </a:cubicBezTo>
                    <a:lnTo>
                      <a:pt x="309775" y="248985"/>
                    </a:lnTo>
                    <a:lnTo>
                      <a:pt x="339714" y="275893"/>
                    </a:lnTo>
                    <a:lnTo>
                      <a:pt x="354878" y="291540"/>
                    </a:lnTo>
                    <a:lnTo>
                      <a:pt x="368613" y="285877"/>
                    </a:lnTo>
                    <a:cubicBezTo>
                      <a:pt x="392119" y="285877"/>
                      <a:pt x="411175" y="304845"/>
                      <a:pt x="411175" y="328244"/>
                    </a:cubicBezTo>
                    <a:lnTo>
                      <a:pt x="404950" y="343205"/>
                    </a:lnTo>
                    <a:lnTo>
                      <a:pt x="412779" y="351283"/>
                    </a:lnTo>
                    <a:lnTo>
                      <a:pt x="446647" y="392467"/>
                    </a:lnTo>
                    <a:lnTo>
                      <a:pt x="487912" y="341085"/>
                    </a:lnTo>
                    <a:lnTo>
                      <a:pt x="504608" y="312673"/>
                    </a:lnTo>
                    <a:lnTo>
                      <a:pt x="494339" y="305781"/>
                    </a:lnTo>
                    <a:cubicBezTo>
                      <a:pt x="485292" y="296776"/>
                      <a:pt x="479697" y="284336"/>
                      <a:pt x="479697" y="270595"/>
                    </a:cubicBezTo>
                    <a:lnTo>
                      <a:pt x="482182" y="258345"/>
                    </a:lnTo>
                    <a:lnTo>
                      <a:pt x="427474" y="204358"/>
                    </a:lnTo>
                    <a:close/>
                    <a:moveTo>
                      <a:pt x="199223" y="171542"/>
                    </a:moveTo>
                    <a:lnTo>
                      <a:pt x="135497" y="250607"/>
                    </a:lnTo>
                    <a:lnTo>
                      <a:pt x="123377" y="274720"/>
                    </a:lnTo>
                    <a:lnTo>
                      <a:pt x="134248" y="312031"/>
                    </a:lnTo>
                    <a:lnTo>
                      <a:pt x="165241" y="368808"/>
                    </a:lnTo>
                    <a:lnTo>
                      <a:pt x="176643" y="371099"/>
                    </a:lnTo>
                    <a:lnTo>
                      <a:pt x="184928" y="376660"/>
                    </a:lnTo>
                    <a:lnTo>
                      <a:pt x="239979" y="299965"/>
                    </a:lnTo>
                    <a:lnTo>
                      <a:pt x="290467" y="243311"/>
                    </a:lnTo>
                    <a:lnTo>
                      <a:pt x="268528" y="223873"/>
                    </a:lnTo>
                    <a:lnTo>
                      <a:pt x="248270" y="208577"/>
                    </a:lnTo>
                    <a:lnTo>
                      <a:pt x="241838" y="207284"/>
                    </a:lnTo>
                    <a:cubicBezTo>
                      <a:pt x="233747" y="203878"/>
                      <a:pt x="226460" y="198948"/>
                      <a:pt x="220340" y="192856"/>
                    </a:cubicBezTo>
                    <a:lnTo>
                      <a:pt x="212897" y="181866"/>
                    </a:lnTo>
                    <a:close/>
                    <a:moveTo>
                      <a:pt x="89292" y="164538"/>
                    </a:moveTo>
                    <a:lnTo>
                      <a:pt x="71230" y="189109"/>
                    </a:lnTo>
                    <a:lnTo>
                      <a:pt x="58082" y="217524"/>
                    </a:lnTo>
                    <a:lnTo>
                      <a:pt x="54597" y="248257"/>
                    </a:lnTo>
                    <a:cubicBezTo>
                      <a:pt x="54207" y="276009"/>
                      <a:pt x="56536" y="303358"/>
                      <a:pt x="61377" y="329972"/>
                    </a:cubicBezTo>
                    <a:lnTo>
                      <a:pt x="68776" y="356146"/>
                    </a:lnTo>
                    <a:lnTo>
                      <a:pt x="82317" y="311660"/>
                    </a:lnTo>
                    <a:lnTo>
                      <a:pt x="106151" y="264244"/>
                    </a:lnTo>
                    <a:lnTo>
                      <a:pt x="96528" y="234535"/>
                    </a:lnTo>
                    <a:close/>
                    <a:moveTo>
                      <a:pt x="335438" y="147023"/>
                    </a:moveTo>
                    <a:lnTo>
                      <a:pt x="330482" y="171457"/>
                    </a:lnTo>
                    <a:cubicBezTo>
                      <a:pt x="323638" y="187566"/>
                      <a:pt x="310673" y="200471"/>
                      <a:pt x="294490" y="207284"/>
                    </a:cubicBezTo>
                    <a:lnTo>
                      <a:pt x="269065" y="212394"/>
                    </a:lnTo>
                    <a:lnTo>
                      <a:pt x="296247" y="236824"/>
                    </a:lnTo>
                    <a:lnTo>
                      <a:pt x="303795" y="228353"/>
                    </a:lnTo>
                    <a:lnTo>
                      <a:pt x="370075" y="168602"/>
                    </a:lnTo>
                    <a:close/>
                    <a:moveTo>
                      <a:pt x="610571" y="145240"/>
                    </a:moveTo>
                    <a:lnTo>
                      <a:pt x="591321" y="197895"/>
                    </a:lnTo>
                    <a:lnTo>
                      <a:pt x="632549" y="261660"/>
                    </a:lnTo>
                    <a:lnTo>
                      <a:pt x="643791" y="291798"/>
                    </a:lnTo>
                    <a:lnTo>
                      <a:pt x="647227" y="278269"/>
                    </a:lnTo>
                    <a:lnTo>
                      <a:pt x="640623" y="187681"/>
                    </a:lnTo>
                    <a:lnTo>
                      <a:pt x="624696" y="160835"/>
                    </a:lnTo>
                    <a:close/>
                    <a:moveTo>
                      <a:pt x="123273" y="123877"/>
                    </a:moveTo>
                    <a:lnTo>
                      <a:pt x="111030" y="134966"/>
                    </a:lnTo>
                    <a:lnTo>
                      <a:pt x="103045" y="145830"/>
                    </a:lnTo>
                    <a:lnTo>
                      <a:pt x="108418" y="223381"/>
                    </a:lnTo>
                    <a:lnTo>
                      <a:pt x="115123" y="246394"/>
                    </a:lnTo>
                    <a:lnTo>
                      <a:pt x="118983" y="238715"/>
                    </a:lnTo>
                    <a:cubicBezTo>
                      <a:pt x="129518" y="221576"/>
                      <a:pt x="141031" y="205298"/>
                      <a:pt x="153408" y="189961"/>
                    </a:cubicBezTo>
                    <a:lnTo>
                      <a:pt x="181108" y="159818"/>
                    </a:lnTo>
                    <a:lnTo>
                      <a:pt x="125841" y="125213"/>
                    </a:lnTo>
                    <a:close/>
                    <a:moveTo>
                      <a:pt x="491029" y="116871"/>
                    </a:moveTo>
                    <a:lnTo>
                      <a:pt x="443339" y="140715"/>
                    </a:lnTo>
                    <a:lnTo>
                      <a:pt x="402963" y="169337"/>
                    </a:lnTo>
                    <a:lnTo>
                      <a:pt x="450243" y="204546"/>
                    </a:lnTo>
                    <a:lnTo>
                      <a:pt x="488338" y="244269"/>
                    </a:lnTo>
                    <a:lnTo>
                      <a:pt x="494339" y="235409"/>
                    </a:lnTo>
                    <a:cubicBezTo>
                      <a:pt x="503385" y="226405"/>
                      <a:pt x="515882" y="220835"/>
                      <a:pt x="529686" y="220835"/>
                    </a:cubicBezTo>
                    <a:cubicBezTo>
                      <a:pt x="536588" y="220835"/>
                      <a:pt x="543164" y="222227"/>
                      <a:pt x="549144" y="224745"/>
                    </a:cubicBezTo>
                    <a:lnTo>
                      <a:pt x="554261" y="228179"/>
                    </a:lnTo>
                    <a:lnTo>
                      <a:pt x="564930" y="210023"/>
                    </a:lnTo>
                    <a:lnTo>
                      <a:pt x="571873" y="191034"/>
                    </a:lnTo>
                    <a:lnTo>
                      <a:pt x="535575" y="152338"/>
                    </a:lnTo>
                    <a:cubicBezTo>
                      <a:pt x="521766" y="139583"/>
                      <a:pt x="507209" y="127955"/>
                      <a:pt x="492030" y="117465"/>
                    </a:cubicBezTo>
                    <a:close/>
                    <a:moveTo>
                      <a:pt x="149397" y="100216"/>
                    </a:moveTo>
                    <a:lnTo>
                      <a:pt x="133681" y="114451"/>
                    </a:lnTo>
                    <a:lnTo>
                      <a:pt x="189461" y="150730"/>
                    </a:lnTo>
                    <a:lnTo>
                      <a:pt x="193017" y="146860"/>
                    </a:lnTo>
                    <a:lnTo>
                      <a:pt x="201456" y="140692"/>
                    </a:lnTo>
                    <a:lnTo>
                      <a:pt x="205846" y="119047"/>
                    </a:lnTo>
                    <a:lnTo>
                      <a:pt x="214270" y="106610"/>
                    </a:lnTo>
                    <a:close/>
                    <a:moveTo>
                      <a:pt x="551006" y="90021"/>
                    </a:moveTo>
                    <a:lnTo>
                      <a:pt x="532814" y="95982"/>
                    </a:lnTo>
                    <a:lnTo>
                      <a:pt x="504524" y="110125"/>
                    </a:lnTo>
                    <a:lnTo>
                      <a:pt x="529575" y="128577"/>
                    </a:lnTo>
                    <a:lnTo>
                      <a:pt x="576789" y="177584"/>
                    </a:lnTo>
                    <a:lnTo>
                      <a:pt x="594929" y="127970"/>
                    </a:lnTo>
                    <a:lnTo>
                      <a:pt x="579586" y="111030"/>
                    </a:lnTo>
                    <a:close/>
                    <a:moveTo>
                      <a:pt x="383383" y="66055"/>
                    </a:moveTo>
                    <a:lnTo>
                      <a:pt x="309627" y="93378"/>
                    </a:lnTo>
                    <a:lnTo>
                      <a:pt x="315988" y="97648"/>
                    </a:lnTo>
                    <a:cubicBezTo>
                      <a:pt x="322108" y="103739"/>
                      <a:pt x="327060" y="110993"/>
                      <a:pt x="330482" y="119047"/>
                    </a:cubicBezTo>
                    <a:lnTo>
                      <a:pt x="331969" y="126377"/>
                    </a:lnTo>
                    <a:lnTo>
                      <a:pt x="374074" y="147823"/>
                    </a:lnTo>
                    <a:lnTo>
                      <a:pt x="386244" y="156886"/>
                    </a:lnTo>
                    <a:lnTo>
                      <a:pt x="441299" y="117856"/>
                    </a:lnTo>
                    <a:lnTo>
                      <a:pt x="469184" y="103915"/>
                    </a:lnTo>
                    <a:lnTo>
                      <a:pt x="444756" y="89425"/>
                    </a:lnTo>
                    <a:cubicBezTo>
                      <a:pt x="428460" y="81224"/>
                      <a:pt x="411670" y="74174"/>
                      <a:pt x="394511" y="68285"/>
                    </a:cubicBezTo>
                    <a:close/>
                    <a:moveTo>
                      <a:pt x="494347" y="56841"/>
                    </a:moveTo>
                    <a:lnTo>
                      <a:pt x="422186" y="60928"/>
                    </a:lnTo>
                    <a:lnTo>
                      <a:pt x="471636" y="85897"/>
                    </a:lnTo>
                    <a:lnTo>
                      <a:pt x="485214" y="95900"/>
                    </a:lnTo>
                    <a:lnTo>
                      <a:pt x="529133" y="73942"/>
                    </a:lnTo>
                    <a:lnTo>
                      <a:pt x="525442" y="71229"/>
                    </a:lnTo>
                    <a:close/>
                    <a:moveTo>
                      <a:pt x="288153" y="46979"/>
                    </a:moveTo>
                    <a:lnTo>
                      <a:pt x="234166" y="50500"/>
                    </a:lnTo>
                    <a:lnTo>
                      <a:pt x="216915" y="56586"/>
                    </a:lnTo>
                    <a:lnTo>
                      <a:pt x="182785" y="76834"/>
                    </a:lnTo>
                    <a:lnTo>
                      <a:pt x="209134" y="80986"/>
                    </a:lnTo>
                    <a:lnTo>
                      <a:pt x="233927" y="88530"/>
                    </a:lnTo>
                    <a:lnTo>
                      <a:pt x="241838" y="83220"/>
                    </a:lnTo>
                    <a:cubicBezTo>
                      <a:pt x="249930" y="79813"/>
                      <a:pt x="258826" y="77929"/>
                      <a:pt x="268164" y="77929"/>
                    </a:cubicBezTo>
                    <a:lnTo>
                      <a:pt x="283200" y="80951"/>
                    </a:lnTo>
                    <a:lnTo>
                      <a:pt x="285081" y="79576"/>
                    </a:lnTo>
                    <a:lnTo>
                      <a:pt x="343270" y="58020"/>
                    </a:lnTo>
                    <a:close/>
                    <a:moveTo>
                      <a:pt x="340351" y="25957"/>
                    </a:moveTo>
                    <a:lnTo>
                      <a:pt x="313464" y="29926"/>
                    </a:lnTo>
                    <a:lnTo>
                      <a:pt x="342538" y="33543"/>
                    </a:lnTo>
                    <a:lnTo>
                      <a:pt x="378845" y="44841"/>
                    </a:lnTo>
                    <a:lnTo>
                      <a:pt x="389757" y="40799"/>
                    </a:lnTo>
                    <a:lnTo>
                      <a:pt x="441514" y="37867"/>
                    </a:lnTo>
                    <a:lnTo>
                      <a:pt x="403941" y="28789"/>
                    </a:lnTo>
                    <a:cubicBezTo>
                      <a:pt x="382850" y="25813"/>
                      <a:pt x="361548" y="24873"/>
                      <a:pt x="340351" y="25957"/>
                    </a:cubicBezTo>
                    <a:close/>
                    <a:moveTo>
                      <a:pt x="356186" y="2"/>
                    </a:moveTo>
                    <a:cubicBezTo>
                      <a:pt x="441923" y="-286"/>
                      <a:pt x="528035" y="30105"/>
                      <a:pt x="596689" y="92086"/>
                    </a:cubicBezTo>
                    <a:lnTo>
                      <a:pt x="616572" y="114039"/>
                    </a:lnTo>
                    <a:lnTo>
                      <a:pt x="620730" y="116955"/>
                    </a:lnTo>
                    <a:lnTo>
                      <a:pt x="620423" y="118290"/>
                    </a:lnTo>
                    <a:lnTo>
                      <a:pt x="645269" y="145724"/>
                    </a:lnTo>
                    <a:lnTo>
                      <a:pt x="658367" y="167801"/>
                    </a:lnTo>
                    <a:lnTo>
                      <a:pt x="660378" y="166925"/>
                    </a:lnTo>
                    <a:lnTo>
                      <a:pt x="662200" y="172636"/>
                    </a:lnTo>
                    <a:lnTo>
                      <a:pt x="662335" y="174488"/>
                    </a:lnTo>
                    <a:lnTo>
                      <a:pt x="681099" y="206115"/>
                    </a:lnTo>
                    <a:cubicBezTo>
                      <a:pt x="720323" y="290240"/>
                      <a:pt x="725264" y="386966"/>
                      <a:pt x="694817" y="474650"/>
                    </a:cubicBezTo>
                    <a:lnTo>
                      <a:pt x="670187" y="527879"/>
                    </a:lnTo>
                    <a:lnTo>
                      <a:pt x="669572" y="530550"/>
                    </a:lnTo>
                    <a:lnTo>
                      <a:pt x="668813" y="532071"/>
                    </a:lnTo>
                    <a:lnTo>
                      <a:pt x="666674" y="535472"/>
                    </a:lnTo>
                    <a:lnTo>
                      <a:pt x="665329" y="538379"/>
                    </a:lnTo>
                    <a:lnTo>
                      <a:pt x="661969" y="542950"/>
                    </a:lnTo>
                    <a:lnTo>
                      <a:pt x="650198" y="561656"/>
                    </a:lnTo>
                    <a:lnTo>
                      <a:pt x="645757" y="567383"/>
                    </a:lnTo>
                    <a:lnTo>
                      <a:pt x="646743" y="563662"/>
                    </a:lnTo>
                    <a:lnTo>
                      <a:pt x="643528" y="568036"/>
                    </a:lnTo>
                    <a:lnTo>
                      <a:pt x="643635" y="568822"/>
                    </a:lnTo>
                    <a:lnTo>
                      <a:pt x="644920" y="568464"/>
                    </a:lnTo>
                    <a:lnTo>
                      <a:pt x="628953" y="589050"/>
                    </a:lnTo>
                    <a:lnTo>
                      <a:pt x="625015" y="593221"/>
                    </a:lnTo>
                    <a:lnTo>
                      <a:pt x="622466" y="596688"/>
                    </a:lnTo>
                    <a:lnTo>
                      <a:pt x="602356" y="614903"/>
                    </a:lnTo>
                    <a:lnTo>
                      <a:pt x="603020" y="616094"/>
                    </a:lnTo>
                    <a:lnTo>
                      <a:pt x="596409" y="621868"/>
                    </a:lnTo>
                    <a:lnTo>
                      <a:pt x="595837" y="620806"/>
                    </a:lnTo>
                    <a:lnTo>
                      <a:pt x="568829" y="645269"/>
                    </a:lnTo>
                    <a:lnTo>
                      <a:pt x="551809" y="655367"/>
                    </a:lnTo>
                    <a:lnTo>
                      <a:pt x="554292" y="654736"/>
                    </a:lnTo>
                    <a:lnTo>
                      <a:pt x="551567" y="656691"/>
                    </a:lnTo>
                    <a:cubicBezTo>
                      <a:pt x="541974" y="662903"/>
                      <a:pt x="532084" y="668657"/>
                      <a:pt x="521934" y="673931"/>
                    </a:cubicBezTo>
                    <a:lnTo>
                      <a:pt x="515614" y="676839"/>
                    </a:lnTo>
                    <a:lnTo>
                      <a:pt x="508436" y="681098"/>
                    </a:lnTo>
                    <a:cubicBezTo>
                      <a:pt x="382250" y="739934"/>
                      <a:pt x="227709" y="721633"/>
                      <a:pt x="117864" y="622466"/>
                    </a:cubicBezTo>
                    <a:lnTo>
                      <a:pt x="87593" y="589044"/>
                    </a:lnTo>
                    <a:lnTo>
                      <a:pt x="81891" y="588244"/>
                    </a:lnTo>
                    <a:lnTo>
                      <a:pt x="83326" y="584333"/>
                    </a:lnTo>
                    <a:lnTo>
                      <a:pt x="69282" y="568828"/>
                    </a:lnTo>
                    <a:cubicBezTo>
                      <a:pt x="-15162" y="454121"/>
                      <a:pt x="-23092" y="298887"/>
                      <a:pt x="49224" y="176173"/>
                    </a:cubicBezTo>
                    <a:lnTo>
                      <a:pt x="61800" y="159064"/>
                    </a:lnTo>
                    <a:lnTo>
                      <a:pt x="63093" y="154269"/>
                    </a:lnTo>
                    <a:lnTo>
                      <a:pt x="64558" y="151941"/>
                    </a:lnTo>
                    <a:lnTo>
                      <a:pt x="68847" y="146412"/>
                    </a:lnTo>
                    <a:lnTo>
                      <a:pt x="67570" y="151215"/>
                    </a:lnTo>
                    <a:lnTo>
                      <a:pt x="88322" y="122985"/>
                    </a:lnTo>
                    <a:lnTo>
                      <a:pt x="88384" y="121815"/>
                    </a:lnTo>
                    <a:lnTo>
                      <a:pt x="91983" y="118005"/>
                    </a:lnTo>
                    <a:lnTo>
                      <a:pt x="92086" y="117863"/>
                    </a:lnTo>
                    <a:lnTo>
                      <a:pt x="92290" y="117679"/>
                    </a:lnTo>
                    <a:lnTo>
                      <a:pt x="98575" y="111021"/>
                    </a:lnTo>
                    <a:lnTo>
                      <a:pt x="98574" y="111021"/>
                    </a:lnTo>
                    <a:lnTo>
                      <a:pt x="109194" y="99775"/>
                    </a:lnTo>
                    <a:lnTo>
                      <a:pt x="110978" y="100753"/>
                    </a:lnTo>
                    <a:lnTo>
                      <a:pt x="114309" y="97735"/>
                    </a:lnTo>
                    <a:lnTo>
                      <a:pt x="111203" y="97969"/>
                    </a:lnTo>
                    <a:lnTo>
                      <a:pt x="135331" y="76894"/>
                    </a:lnTo>
                    <a:lnTo>
                      <a:pt x="141004" y="72824"/>
                    </a:lnTo>
                    <a:lnTo>
                      <a:pt x="141764" y="72869"/>
                    </a:lnTo>
                    <a:lnTo>
                      <a:pt x="145724" y="69282"/>
                    </a:lnTo>
                    <a:lnTo>
                      <a:pt x="165762" y="57395"/>
                    </a:lnTo>
                    <a:lnTo>
                      <a:pt x="160785" y="58633"/>
                    </a:lnTo>
                    <a:lnTo>
                      <a:pt x="163189" y="56907"/>
                    </a:lnTo>
                    <a:lnTo>
                      <a:pt x="190471" y="42735"/>
                    </a:lnTo>
                    <a:lnTo>
                      <a:pt x="206116" y="33453"/>
                    </a:lnTo>
                    <a:lnTo>
                      <a:pt x="213043" y="31009"/>
                    </a:lnTo>
                    <a:lnTo>
                      <a:pt x="224021" y="25307"/>
                    </a:lnTo>
                    <a:lnTo>
                      <a:pt x="225919" y="24646"/>
                    </a:lnTo>
                    <a:lnTo>
                      <a:pt x="231396" y="24535"/>
                    </a:lnTo>
                    <a:lnTo>
                      <a:pt x="271235" y="10481"/>
                    </a:lnTo>
                    <a:cubicBezTo>
                      <a:pt x="299070" y="3602"/>
                      <a:pt x="327607" y="97"/>
                      <a:pt x="356186" y="2"/>
                    </a:cubicBezTo>
                    <a:close/>
                  </a:path>
                </a:pathLst>
              </a:custGeom>
              <a:grpFill/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wrap="square" lIns="45719" tIns="45719" rIns="45719" bIns="45719" rtlCol="0" anchor="ctr">
                <a:noAutofit/>
              </a:bodyPr>
              <a:lstStyle/>
              <a:p>
                <a:pPr algn="ctr"/>
                <a:endParaRPr lang="en-US" sz="1000" dirty="0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30" name="Rectangle 29">
              <a:extLst>
                <a:ext uri="{FF2B5EF4-FFF2-40B4-BE49-F238E27FC236}">
                  <a16:creationId xmlns:a16="http://schemas.microsoft.com/office/drawing/2014/main" id="{2CBF5157-461C-7441-84FC-541292AC1640}"/>
                </a:ext>
              </a:extLst>
            </p:cNvPr>
            <p:cNvSpPr/>
            <p:nvPr/>
          </p:nvSpPr>
          <p:spPr>
            <a:xfrm>
              <a:off x="2077959" y="4533902"/>
              <a:ext cx="3262601" cy="834389"/>
            </a:xfrm>
            <a:prstGeom prst="rect">
              <a:avLst/>
            </a:prstGeom>
            <a:noFill/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189547" tIns="31592" rIns="63182" bIns="31592" rtlCol="0" anchor="ctr" anchorCtr="0"/>
            <a:lstStyle/>
            <a:p>
              <a:r>
                <a:rPr lang="en-GB" sz="2300" b="1" dirty="0">
                  <a:solidFill>
                    <a:srgbClr val="009051"/>
                  </a:solidFill>
                </a:rPr>
                <a:t>VCs, PEs &amp; other Fin Institutions</a:t>
              </a:r>
            </a:p>
          </p:txBody>
        </p:sp>
        <p:sp>
          <p:nvSpPr>
            <p:cNvPr id="31" name="KMA6C131B">
              <a:extLst>
                <a:ext uri="{FF2B5EF4-FFF2-40B4-BE49-F238E27FC236}">
                  <a16:creationId xmlns:a16="http://schemas.microsoft.com/office/drawing/2014/main" id="{1D681B38-0218-704F-A85B-6D6204AFC11C}"/>
                </a:ext>
              </a:extLst>
            </p:cNvPr>
            <p:cNvSpPr>
              <a:spLocks noChangeArrowheads="1"/>
            </p:cNvSpPr>
            <p:nvPr>
              <p:custDataLst>
                <p:tags r:id="rId4"/>
              </p:custDataLst>
            </p:nvPr>
          </p:nvSpPr>
          <p:spPr bwMode="auto">
            <a:xfrm>
              <a:off x="5340560" y="4475311"/>
              <a:ext cx="7500728" cy="1057588"/>
            </a:xfrm>
            <a:prstGeom prst="rect">
              <a:avLst/>
            </a:prstGeom>
            <a:noFill/>
          </p:spPr>
          <p:txBody>
            <a:bodyPr wrap="square" lIns="36000" tIns="36000" rIns="36000" bIns="36000" rtlCol="0">
              <a:spAutoFit/>
            </a:bodyPr>
            <a:lstStyle/>
            <a:p>
              <a:pPr marL="285750" indent="-285750">
                <a:buFont typeface="Arial" panose="020B0604020202020204" pitchFamily="34" charset="0"/>
                <a:buChar char="•"/>
              </a:pPr>
              <a:r>
                <a:rPr lang="en-US" sz="1600" dirty="0"/>
                <a:t>FIs such as Bain Capital, UBS, TPG Growth and multiple VCs are investing in impact funds.</a:t>
              </a:r>
            </a:p>
            <a:p>
              <a:pPr marL="285750" indent="-285750">
                <a:buFont typeface="Arial" panose="020B0604020202020204" pitchFamily="34" charset="0"/>
                <a:buChar char="•"/>
              </a:pPr>
              <a:r>
                <a:rPr lang="en-US" sz="1600" dirty="0"/>
                <a:t>Millennials, more socially responsible that the previous generations, increasingly want the start/work for socially responsible firms </a:t>
              </a:r>
            </a:p>
          </p:txBody>
        </p:sp>
        <p:pic>
          <p:nvPicPr>
            <p:cNvPr id="46" name="Picture 45">
              <a:extLst>
                <a:ext uri="{FF2B5EF4-FFF2-40B4-BE49-F238E27FC236}">
                  <a16:creationId xmlns:a16="http://schemas.microsoft.com/office/drawing/2014/main" id="{6358ECE9-69FF-5C4D-81A8-084827BBB1DB}"/>
                </a:ext>
              </a:extLst>
            </p:cNvPr>
            <p:cNvPicPr>
              <a:picLocks noChangeAspect="1"/>
            </p:cNvPicPr>
            <p:nvPr/>
          </p:nvPicPr>
          <p:blipFill>
            <a:blip r:embed="rId13">
              <a:lum bright="70000" contrast="-70000"/>
            </a:blip>
            <a:stretch>
              <a:fillRect/>
            </a:stretch>
          </p:blipFill>
          <p:spPr>
            <a:xfrm>
              <a:off x="825829" y="4620062"/>
              <a:ext cx="721173" cy="721173"/>
            </a:xfrm>
            <a:prstGeom prst="rect">
              <a:avLst/>
            </a:prstGeom>
          </p:spPr>
        </p:pic>
      </p:grpSp>
      <p:cxnSp>
        <p:nvCxnSpPr>
          <p:cNvPr id="39" name="Straight Connector 38">
            <a:extLst>
              <a:ext uri="{FF2B5EF4-FFF2-40B4-BE49-F238E27FC236}">
                <a16:creationId xmlns:a16="http://schemas.microsoft.com/office/drawing/2014/main" id="{BAE41729-3757-3E41-A95D-5AF00BB69F87}"/>
              </a:ext>
            </a:extLst>
          </p:cNvPr>
          <p:cNvCxnSpPr/>
          <p:nvPr/>
        </p:nvCxnSpPr>
        <p:spPr>
          <a:xfrm>
            <a:off x="0" y="7201237"/>
            <a:ext cx="12841288" cy="0"/>
          </a:xfrm>
          <a:prstGeom prst="line">
            <a:avLst/>
          </a:prstGeom>
          <a:ln w="57150">
            <a:solidFill>
              <a:srgbClr val="00905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55" name="Group 54">
            <a:extLst>
              <a:ext uri="{FF2B5EF4-FFF2-40B4-BE49-F238E27FC236}">
                <a16:creationId xmlns:a16="http://schemas.microsoft.com/office/drawing/2014/main" id="{5DF6ED78-6CE0-6343-965A-6E08627A3C57}"/>
              </a:ext>
            </a:extLst>
          </p:cNvPr>
          <p:cNvGrpSpPr/>
          <p:nvPr/>
        </p:nvGrpSpPr>
        <p:grpSpPr>
          <a:xfrm>
            <a:off x="-410817" y="5868788"/>
            <a:ext cx="13069198" cy="1097344"/>
            <a:chOff x="-410817" y="5868788"/>
            <a:chExt cx="13225668" cy="1097344"/>
          </a:xfrm>
        </p:grpSpPr>
        <p:grpSp>
          <p:nvGrpSpPr>
            <p:cNvPr id="34" name="Group 33">
              <a:extLst>
                <a:ext uri="{FF2B5EF4-FFF2-40B4-BE49-F238E27FC236}">
                  <a16:creationId xmlns:a16="http://schemas.microsoft.com/office/drawing/2014/main" id="{86FB1CC3-1018-6E40-8F08-4ABD7767C0A4}"/>
                </a:ext>
              </a:extLst>
            </p:cNvPr>
            <p:cNvGrpSpPr>
              <a:grpSpLocks/>
            </p:cNvGrpSpPr>
            <p:nvPr>
              <p:custDataLst>
                <p:tags r:id="rId1"/>
              </p:custDataLst>
            </p:nvPr>
          </p:nvGrpSpPr>
          <p:grpSpPr>
            <a:xfrm>
              <a:off x="663169" y="5973251"/>
              <a:ext cx="1072866" cy="992881"/>
              <a:chOff x="398969" y="2059422"/>
              <a:chExt cx="1378857" cy="1378857"/>
            </a:xfrm>
            <a:solidFill>
              <a:srgbClr val="009051"/>
            </a:solidFill>
          </p:grpSpPr>
          <p:sp>
            <p:nvSpPr>
              <p:cNvPr id="35" name="Oval 34">
                <a:extLst>
                  <a:ext uri="{FF2B5EF4-FFF2-40B4-BE49-F238E27FC236}">
                    <a16:creationId xmlns:a16="http://schemas.microsoft.com/office/drawing/2014/main" id="{2F3BB48B-0717-7A40-95E7-1B0F5D38F8F6}"/>
                  </a:ext>
                </a:extLst>
              </p:cNvPr>
              <p:cNvSpPr/>
              <p:nvPr/>
            </p:nvSpPr>
            <p:spPr>
              <a:xfrm>
                <a:off x="398969" y="2059422"/>
                <a:ext cx="1378857" cy="1378857"/>
              </a:xfrm>
              <a:prstGeom prst="ellipse">
                <a:avLst/>
              </a:prstGeom>
              <a:grpFill/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45719" tIns="45719" rIns="45719" bIns="45719" rtlCol="0" anchor="ctr"/>
              <a:lstStyle/>
              <a:p>
                <a:pPr algn="ctr"/>
                <a:endParaRPr lang="en-US" sz="2000" dirty="0">
                  <a:solidFill>
                    <a:srgbClr val="FFFFFF"/>
                  </a:solidFill>
                </a:endParaRPr>
              </a:p>
            </p:txBody>
          </p:sp>
          <p:sp>
            <p:nvSpPr>
              <p:cNvPr id="36" name="Freeform 35">
                <a:extLst>
                  <a:ext uri="{FF2B5EF4-FFF2-40B4-BE49-F238E27FC236}">
                    <a16:creationId xmlns:a16="http://schemas.microsoft.com/office/drawing/2014/main" id="{0B5F535E-DACA-2C42-B704-34B57331D750}"/>
                  </a:ext>
                </a:extLst>
              </p:cNvPr>
              <p:cNvSpPr/>
              <p:nvPr/>
            </p:nvSpPr>
            <p:spPr>
              <a:xfrm>
                <a:off x="582901" y="2243353"/>
                <a:ext cx="1010993" cy="1010993"/>
              </a:xfrm>
              <a:custGeom>
                <a:avLst/>
                <a:gdLst>
                  <a:gd name="connsiteX0" fmla="*/ 328118 w 714552"/>
                  <a:gd name="connsiteY0" fmla="*/ 655919 h 714551"/>
                  <a:gd name="connsiteX1" fmla="*/ 259850 w 714552"/>
                  <a:gd name="connsiteY1" fmla="*/ 673497 h 714551"/>
                  <a:gd name="connsiteX2" fmla="*/ 310612 w 714552"/>
                  <a:gd name="connsiteY2" fmla="*/ 685762 h 714551"/>
                  <a:gd name="connsiteX3" fmla="*/ 437172 w 714552"/>
                  <a:gd name="connsiteY3" fmla="*/ 679297 h 714551"/>
                  <a:gd name="connsiteX4" fmla="*/ 446149 w 714552"/>
                  <a:gd name="connsiteY4" fmla="*/ 676129 h 714551"/>
                  <a:gd name="connsiteX5" fmla="*/ 377337 w 714552"/>
                  <a:gd name="connsiteY5" fmla="*/ 671533 h 714551"/>
                  <a:gd name="connsiteX6" fmla="*/ 220072 w 714552"/>
                  <a:gd name="connsiteY6" fmla="*/ 602681 h 714551"/>
                  <a:gd name="connsiteX7" fmla="*/ 171570 w 714552"/>
                  <a:gd name="connsiteY7" fmla="*/ 630428 h 714551"/>
                  <a:gd name="connsiteX8" fmla="*/ 189111 w 714552"/>
                  <a:gd name="connsiteY8" fmla="*/ 643321 h 714551"/>
                  <a:gd name="connsiteX9" fmla="*/ 229960 w 714552"/>
                  <a:gd name="connsiteY9" fmla="*/ 662222 h 714551"/>
                  <a:gd name="connsiteX10" fmla="*/ 295577 w 714552"/>
                  <a:gd name="connsiteY10" fmla="*/ 645328 h 714551"/>
                  <a:gd name="connsiteX11" fmla="*/ 224981 w 714552"/>
                  <a:gd name="connsiteY11" fmla="*/ 606740 h 714551"/>
                  <a:gd name="connsiteX12" fmla="*/ 457428 w 714552"/>
                  <a:gd name="connsiteY12" fmla="*/ 594412 h 714551"/>
                  <a:gd name="connsiteX13" fmla="*/ 439487 w 714552"/>
                  <a:gd name="connsiteY13" fmla="*/ 606671 h 714551"/>
                  <a:gd name="connsiteX14" fmla="*/ 438432 w 714552"/>
                  <a:gd name="connsiteY14" fmla="*/ 611871 h 714551"/>
                  <a:gd name="connsiteX15" fmla="*/ 376114 w 714552"/>
                  <a:gd name="connsiteY15" fmla="*/ 652989 h 714551"/>
                  <a:gd name="connsiteX16" fmla="*/ 354792 w 714552"/>
                  <a:gd name="connsiteY16" fmla="*/ 648704 h 714551"/>
                  <a:gd name="connsiteX17" fmla="*/ 353229 w 714552"/>
                  <a:gd name="connsiteY17" fmla="*/ 649454 h 714551"/>
                  <a:gd name="connsiteX18" fmla="*/ 350275 w 714552"/>
                  <a:gd name="connsiteY18" fmla="*/ 650213 h 714551"/>
                  <a:gd name="connsiteX19" fmla="*/ 374823 w 714552"/>
                  <a:gd name="connsiteY19" fmla="*/ 658184 h 714551"/>
                  <a:gd name="connsiteX20" fmla="*/ 456843 w 714552"/>
                  <a:gd name="connsiteY20" fmla="*/ 667043 h 714551"/>
                  <a:gd name="connsiteX21" fmla="*/ 477710 w 714552"/>
                  <a:gd name="connsiteY21" fmla="*/ 664995 h 714551"/>
                  <a:gd name="connsiteX22" fmla="*/ 497638 w 714552"/>
                  <a:gd name="connsiteY22" fmla="*/ 657965 h 714551"/>
                  <a:gd name="connsiteX23" fmla="*/ 553716 w 714552"/>
                  <a:gd name="connsiteY23" fmla="*/ 624695 h 714551"/>
                  <a:gd name="connsiteX24" fmla="*/ 577663 w 714552"/>
                  <a:gd name="connsiteY24" fmla="*/ 603006 h 714551"/>
                  <a:gd name="connsiteX25" fmla="*/ 520293 w 714552"/>
                  <a:gd name="connsiteY25" fmla="*/ 603697 h 714551"/>
                  <a:gd name="connsiteX26" fmla="*/ 316201 w 714552"/>
                  <a:gd name="connsiteY26" fmla="*/ 538143 h 714551"/>
                  <a:gd name="connsiteX27" fmla="*/ 275347 w 714552"/>
                  <a:gd name="connsiteY27" fmla="*/ 571060 h 714551"/>
                  <a:gd name="connsiteX28" fmla="*/ 231948 w 714552"/>
                  <a:gd name="connsiteY28" fmla="*/ 595887 h 714551"/>
                  <a:gd name="connsiteX29" fmla="*/ 296358 w 714552"/>
                  <a:gd name="connsiteY29" fmla="*/ 632709 h 714551"/>
                  <a:gd name="connsiteX30" fmla="*/ 317690 w 714552"/>
                  <a:gd name="connsiteY30" fmla="*/ 639634 h 714551"/>
                  <a:gd name="connsiteX31" fmla="*/ 332204 w 714552"/>
                  <a:gd name="connsiteY31" fmla="*/ 635897 h 714551"/>
                  <a:gd name="connsiteX32" fmla="*/ 328290 w 714552"/>
                  <a:gd name="connsiteY32" fmla="*/ 633270 h 714551"/>
                  <a:gd name="connsiteX33" fmla="*/ 308481 w 714552"/>
                  <a:gd name="connsiteY33" fmla="*/ 585666 h 714551"/>
                  <a:gd name="connsiteX34" fmla="*/ 313796 w 714552"/>
                  <a:gd name="connsiteY34" fmla="*/ 559461 h 714551"/>
                  <a:gd name="connsiteX35" fmla="*/ 324802 w 714552"/>
                  <a:gd name="connsiteY35" fmla="*/ 543212 h 714551"/>
                  <a:gd name="connsiteX36" fmla="*/ 319552 w 714552"/>
                  <a:gd name="connsiteY36" fmla="*/ 540630 h 714551"/>
                  <a:gd name="connsiteX37" fmla="*/ 538682 w 714552"/>
                  <a:gd name="connsiteY37" fmla="*/ 526760 h 714551"/>
                  <a:gd name="connsiteX38" fmla="*/ 502253 w 714552"/>
                  <a:gd name="connsiteY38" fmla="*/ 563783 h 714551"/>
                  <a:gd name="connsiteX39" fmla="*/ 479974 w 714552"/>
                  <a:gd name="connsiteY39" fmla="*/ 579006 h 714551"/>
                  <a:gd name="connsiteX40" fmla="*/ 555317 w 714552"/>
                  <a:gd name="connsiteY40" fmla="*/ 582502 h 714551"/>
                  <a:gd name="connsiteX41" fmla="*/ 573402 w 714552"/>
                  <a:gd name="connsiteY41" fmla="*/ 580085 h 714551"/>
                  <a:gd name="connsiteX42" fmla="*/ 130738 w 714552"/>
                  <a:gd name="connsiteY42" fmla="*/ 516300 h 714551"/>
                  <a:gd name="connsiteX43" fmla="*/ 107672 w 714552"/>
                  <a:gd name="connsiteY43" fmla="*/ 573385 h 714551"/>
                  <a:gd name="connsiteX44" fmla="*/ 134967 w 714552"/>
                  <a:gd name="connsiteY44" fmla="*/ 603521 h 714551"/>
                  <a:gd name="connsiteX45" fmla="*/ 155115 w 714552"/>
                  <a:gd name="connsiteY45" fmla="*/ 618332 h 714551"/>
                  <a:gd name="connsiteX46" fmla="*/ 156019 w 714552"/>
                  <a:gd name="connsiteY46" fmla="*/ 617950 h 714551"/>
                  <a:gd name="connsiteX47" fmla="*/ 204793 w 714552"/>
                  <a:gd name="connsiteY47" fmla="*/ 590049 h 714551"/>
                  <a:gd name="connsiteX48" fmla="*/ 163347 w 714552"/>
                  <a:gd name="connsiteY48" fmla="*/ 555778 h 714551"/>
                  <a:gd name="connsiteX49" fmla="*/ 615643 w 714552"/>
                  <a:gd name="connsiteY49" fmla="*/ 493637 h 714551"/>
                  <a:gd name="connsiteX50" fmla="*/ 612283 w 714552"/>
                  <a:gd name="connsiteY50" fmla="*/ 495891 h 714551"/>
                  <a:gd name="connsiteX51" fmla="*/ 585957 w 714552"/>
                  <a:gd name="connsiteY51" fmla="*/ 501182 h 714551"/>
                  <a:gd name="connsiteX52" fmla="*/ 567500 w 714552"/>
                  <a:gd name="connsiteY52" fmla="*/ 497473 h 714551"/>
                  <a:gd name="connsiteX53" fmla="*/ 543971 w 714552"/>
                  <a:gd name="connsiteY53" fmla="*/ 521386 h 714551"/>
                  <a:gd name="connsiteX54" fmla="*/ 582269 w 714552"/>
                  <a:gd name="connsiteY54" fmla="*/ 578902 h 714551"/>
                  <a:gd name="connsiteX55" fmla="*/ 606394 w 714552"/>
                  <a:gd name="connsiteY55" fmla="*/ 575678 h 714551"/>
                  <a:gd name="connsiteX56" fmla="*/ 625800 w 714552"/>
                  <a:gd name="connsiteY56" fmla="*/ 549279 h 714551"/>
                  <a:gd name="connsiteX57" fmla="*/ 620151 w 714552"/>
                  <a:gd name="connsiteY57" fmla="*/ 508473 h 714551"/>
                  <a:gd name="connsiteX58" fmla="*/ 201629 w 714552"/>
                  <a:gd name="connsiteY58" fmla="*/ 438704 h 714551"/>
                  <a:gd name="connsiteX59" fmla="*/ 192533 w 714552"/>
                  <a:gd name="connsiteY59" fmla="*/ 452135 h 714551"/>
                  <a:gd name="connsiteX60" fmla="*/ 157185 w 714552"/>
                  <a:gd name="connsiteY60" fmla="*/ 466709 h 714551"/>
                  <a:gd name="connsiteX61" fmla="*/ 154581 w 714552"/>
                  <a:gd name="connsiteY61" fmla="*/ 466186 h 714551"/>
                  <a:gd name="connsiteX62" fmla="*/ 141593 w 714552"/>
                  <a:gd name="connsiteY62" fmla="*/ 489433 h 714551"/>
                  <a:gd name="connsiteX63" fmla="*/ 136775 w 714552"/>
                  <a:gd name="connsiteY63" fmla="*/ 501359 h 714551"/>
                  <a:gd name="connsiteX64" fmla="*/ 167148 w 714552"/>
                  <a:gd name="connsiteY64" fmla="*/ 540728 h 714551"/>
                  <a:gd name="connsiteX65" fmla="*/ 216087 w 714552"/>
                  <a:gd name="connsiteY65" fmla="*/ 583587 h 714551"/>
                  <a:gd name="connsiteX66" fmla="*/ 268827 w 714552"/>
                  <a:gd name="connsiteY66" fmla="*/ 553416 h 714551"/>
                  <a:gd name="connsiteX67" fmla="*/ 301409 w 714552"/>
                  <a:gd name="connsiteY67" fmla="*/ 527166 h 714551"/>
                  <a:gd name="connsiteX68" fmla="*/ 239295 w 714552"/>
                  <a:gd name="connsiteY68" fmla="*/ 481073 h 714551"/>
                  <a:gd name="connsiteX69" fmla="*/ 75148 w 714552"/>
                  <a:gd name="connsiteY69" fmla="*/ 424623 h 714551"/>
                  <a:gd name="connsiteX70" fmla="*/ 68128 w 714552"/>
                  <a:gd name="connsiteY70" fmla="*/ 517092 h 714551"/>
                  <a:gd name="connsiteX71" fmla="*/ 89856 w 714552"/>
                  <a:gd name="connsiteY71" fmla="*/ 553715 h 714551"/>
                  <a:gd name="connsiteX72" fmla="*/ 93201 w 714552"/>
                  <a:gd name="connsiteY72" fmla="*/ 557408 h 714551"/>
                  <a:gd name="connsiteX73" fmla="*/ 100678 w 714552"/>
                  <a:gd name="connsiteY73" fmla="*/ 537022 h 714551"/>
                  <a:gd name="connsiteX74" fmla="*/ 117560 w 714552"/>
                  <a:gd name="connsiteY74" fmla="*/ 500348 h 714551"/>
                  <a:gd name="connsiteX75" fmla="*/ 113149 w 714552"/>
                  <a:gd name="connsiteY75" fmla="*/ 495007 h 714551"/>
                  <a:gd name="connsiteX76" fmla="*/ 75692 w 714552"/>
                  <a:gd name="connsiteY76" fmla="*/ 426356 h 714551"/>
                  <a:gd name="connsiteX77" fmla="*/ 453263 w 714552"/>
                  <a:gd name="connsiteY77" fmla="*/ 411388 h 714551"/>
                  <a:gd name="connsiteX78" fmla="*/ 389873 w 714552"/>
                  <a:gd name="connsiteY78" fmla="*/ 478786 h 714551"/>
                  <a:gd name="connsiteX79" fmla="*/ 328297 w 714552"/>
                  <a:gd name="connsiteY79" fmla="*/ 528399 h 714551"/>
                  <a:gd name="connsiteX80" fmla="*/ 331685 w 714552"/>
                  <a:gd name="connsiteY80" fmla="*/ 530813 h 714551"/>
                  <a:gd name="connsiteX81" fmla="*/ 336204 w 714552"/>
                  <a:gd name="connsiteY81" fmla="*/ 532751 h 714551"/>
                  <a:gd name="connsiteX82" fmla="*/ 349788 w 714552"/>
                  <a:gd name="connsiteY82" fmla="*/ 523634 h 714551"/>
                  <a:gd name="connsiteX83" fmla="*/ 376114 w 714552"/>
                  <a:gd name="connsiteY83" fmla="*/ 518343 h 714551"/>
                  <a:gd name="connsiteX84" fmla="*/ 438432 w 714552"/>
                  <a:gd name="connsiteY84" fmla="*/ 559461 h 714551"/>
                  <a:gd name="connsiteX85" fmla="*/ 440604 w 714552"/>
                  <a:gd name="connsiteY85" fmla="*/ 570167 h 714551"/>
                  <a:gd name="connsiteX86" fmla="*/ 454963 w 714552"/>
                  <a:gd name="connsiteY86" fmla="*/ 573453 h 714551"/>
                  <a:gd name="connsiteX87" fmla="*/ 488068 w 714552"/>
                  <a:gd name="connsiteY87" fmla="*/ 550832 h 714551"/>
                  <a:gd name="connsiteX88" fmla="*/ 527959 w 714552"/>
                  <a:gd name="connsiteY88" fmla="*/ 510293 h 714551"/>
                  <a:gd name="connsiteX89" fmla="*/ 504045 w 714552"/>
                  <a:gd name="connsiteY89" fmla="*/ 473567 h 714551"/>
                  <a:gd name="connsiteX90" fmla="*/ 651346 w 714552"/>
                  <a:gd name="connsiteY90" fmla="*/ 349532 h 714551"/>
                  <a:gd name="connsiteX91" fmla="*/ 643454 w 714552"/>
                  <a:gd name="connsiteY91" fmla="*/ 380614 h 714551"/>
                  <a:gd name="connsiteX92" fmla="*/ 637207 w 714552"/>
                  <a:gd name="connsiteY92" fmla="*/ 391313 h 714551"/>
                  <a:gd name="connsiteX93" fmla="*/ 648275 w 714552"/>
                  <a:gd name="connsiteY93" fmla="*/ 407654 h 714551"/>
                  <a:gd name="connsiteX94" fmla="*/ 653590 w 714552"/>
                  <a:gd name="connsiteY94" fmla="*/ 433859 h 714551"/>
                  <a:gd name="connsiteX95" fmla="*/ 633781 w 714552"/>
                  <a:gd name="connsiteY95" fmla="*/ 481464 h 714551"/>
                  <a:gd name="connsiteX96" fmla="*/ 624550 w 714552"/>
                  <a:gd name="connsiteY96" fmla="*/ 487659 h 714551"/>
                  <a:gd name="connsiteX97" fmla="*/ 638611 w 714552"/>
                  <a:gd name="connsiteY97" fmla="*/ 531850 h 714551"/>
                  <a:gd name="connsiteX98" fmla="*/ 643322 w 714552"/>
                  <a:gd name="connsiteY98" fmla="*/ 525441 h 714551"/>
                  <a:gd name="connsiteX99" fmla="*/ 659115 w 714552"/>
                  <a:gd name="connsiteY99" fmla="*/ 491310 h 714551"/>
                  <a:gd name="connsiteX100" fmla="*/ 663936 w 714552"/>
                  <a:gd name="connsiteY100" fmla="*/ 445312 h 714551"/>
                  <a:gd name="connsiteX101" fmla="*/ 653947 w 714552"/>
                  <a:gd name="connsiteY101" fmla="*/ 356979 h 714551"/>
                  <a:gd name="connsiteX102" fmla="*/ 524331 w 714552"/>
                  <a:gd name="connsiteY102" fmla="*/ 319279 h 714551"/>
                  <a:gd name="connsiteX103" fmla="*/ 471043 w 714552"/>
                  <a:gd name="connsiteY103" fmla="*/ 392481 h 714551"/>
                  <a:gd name="connsiteX104" fmla="*/ 458035 w 714552"/>
                  <a:gd name="connsiteY104" fmla="*/ 406314 h 714551"/>
                  <a:gd name="connsiteX105" fmla="*/ 506980 w 714552"/>
                  <a:gd name="connsiteY105" fmla="*/ 465833 h 714551"/>
                  <a:gd name="connsiteX106" fmla="*/ 533103 w 714552"/>
                  <a:gd name="connsiteY106" fmla="*/ 505065 h 714551"/>
                  <a:gd name="connsiteX107" fmla="*/ 549090 w 714552"/>
                  <a:gd name="connsiteY107" fmla="*/ 488817 h 714551"/>
                  <a:gd name="connsiteX108" fmla="*/ 538133 w 714552"/>
                  <a:gd name="connsiteY108" fmla="*/ 481464 h 714551"/>
                  <a:gd name="connsiteX109" fmla="*/ 518324 w 714552"/>
                  <a:gd name="connsiteY109" fmla="*/ 433859 h 714551"/>
                  <a:gd name="connsiteX110" fmla="*/ 559631 w 714552"/>
                  <a:gd name="connsiteY110" fmla="*/ 371827 h 714551"/>
                  <a:gd name="connsiteX111" fmla="*/ 567027 w 714552"/>
                  <a:gd name="connsiteY111" fmla="*/ 370340 h 714551"/>
                  <a:gd name="connsiteX112" fmla="*/ 561361 w 714552"/>
                  <a:gd name="connsiteY112" fmla="*/ 358622 h 714551"/>
                  <a:gd name="connsiteX113" fmla="*/ 534247 w 714552"/>
                  <a:gd name="connsiteY113" fmla="*/ 319439 h 714551"/>
                  <a:gd name="connsiteX114" fmla="*/ 529686 w 714552"/>
                  <a:gd name="connsiteY114" fmla="*/ 320355 h 714551"/>
                  <a:gd name="connsiteX115" fmla="*/ 114964 w 714552"/>
                  <a:gd name="connsiteY115" fmla="*/ 291459 h 714551"/>
                  <a:gd name="connsiteX116" fmla="*/ 100667 w 714552"/>
                  <a:gd name="connsiteY116" fmla="*/ 319901 h 714551"/>
                  <a:gd name="connsiteX117" fmla="*/ 78819 w 714552"/>
                  <a:gd name="connsiteY117" fmla="*/ 391679 h 714551"/>
                  <a:gd name="connsiteX118" fmla="*/ 83230 w 714552"/>
                  <a:gd name="connsiteY118" fmla="*/ 407279 h 714551"/>
                  <a:gd name="connsiteX119" fmla="*/ 118903 w 714552"/>
                  <a:gd name="connsiteY119" fmla="*/ 478193 h 714551"/>
                  <a:gd name="connsiteX120" fmla="*/ 124449 w 714552"/>
                  <a:gd name="connsiteY120" fmla="*/ 485383 h 714551"/>
                  <a:gd name="connsiteX121" fmla="*/ 135525 w 714552"/>
                  <a:gd name="connsiteY121" fmla="*/ 461320 h 714551"/>
                  <a:gd name="connsiteX122" fmla="*/ 121838 w 714552"/>
                  <a:gd name="connsiteY122" fmla="*/ 452135 h 714551"/>
                  <a:gd name="connsiteX123" fmla="*/ 107196 w 714552"/>
                  <a:gd name="connsiteY123" fmla="*/ 416949 h 714551"/>
                  <a:gd name="connsiteX124" fmla="*/ 137727 w 714552"/>
                  <a:gd name="connsiteY124" fmla="*/ 371099 h 714551"/>
                  <a:gd name="connsiteX125" fmla="*/ 151152 w 714552"/>
                  <a:gd name="connsiteY125" fmla="*/ 368402 h 714551"/>
                  <a:gd name="connsiteX126" fmla="*/ 125200 w 714552"/>
                  <a:gd name="connsiteY126" fmla="*/ 323068 h 714551"/>
                  <a:gd name="connsiteX127" fmla="*/ 304082 w 714552"/>
                  <a:gd name="connsiteY127" fmla="*/ 255373 h 714551"/>
                  <a:gd name="connsiteX128" fmla="*/ 252096 w 714552"/>
                  <a:gd name="connsiteY128" fmla="*/ 313710 h 714551"/>
                  <a:gd name="connsiteX129" fmla="*/ 197735 w 714552"/>
                  <a:gd name="connsiteY129" fmla="*/ 389444 h 714551"/>
                  <a:gd name="connsiteX130" fmla="*/ 203246 w 714552"/>
                  <a:gd name="connsiteY130" fmla="*/ 397580 h 714551"/>
                  <a:gd name="connsiteX131" fmla="*/ 207174 w 714552"/>
                  <a:gd name="connsiteY131" fmla="*/ 416949 h 714551"/>
                  <a:gd name="connsiteX132" fmla="*/ 205611 w 714552"/>
                  <a:gd name="connsiteY132" fmla="*/ 424658 h 714551"/>
                  <a:gd name="connsiteX133" fmla="*/ 243671 w 714552"/>
                  <a:gd name="connsiteY133" fmla="*/ 468093 h 714551"/>
                  <a:gd name="connsiteX134" fmla="*/ 313217 w 714552"/>
                  <a:gd name="connsiteY134" fmla="*/ 517652 h 714551"/>
                  <a:gd name="connsiteX135" fmla="*/ 377623 w 714552"/>
                  <a:gd name="connsiteY135" fmla="*/ 465761 h 714551"/>
                  <a:gd name="connsiteX136" fmla="*/ 436779 w 714552"/>
                  <a:gd name="connsiteY136" fmla="*/ 404754 h 714551"/>
                  <a:gd name="connsiteX137" fmla="*/ 442266 w 714552"/>
                  <a:gd name="connsiteY137" fmla="*/ 397923 h 714551"/>
                  <a:gd name="connsiteX138" fmla="*/ 412554 w 714552"/>
                  <a:gd name="connsiteY138" fmla="*/ 361545 h 714551"/>
                  <a:gd name="connsiteX139" fmla="*/ 401880 w 714552"/>
                  <a:gd name="connsiteY139" fmla="*/ 350583 h 714551"/>
                  <a:gd name="connsiteX140" fmla="*/ 398709 w 714552"/>
                  <a:gd name="connsiteY140" fmla="*/ 358202 h 714551"/>
                  <a:gd name="connsiteX141" fmla="*/ 368613 w 714552"/>
                  <a:gd name="connsiteY141" fmla="*/ 370611 h 714551"/>
                  <a:gd name="connsiteX142" fmla="*/ 326051 w 714552"/>
                  <a:gd name="connsiteY142" fmla="*/ 328244 h 714551"/>
                  <a:gd name="connsiteX143" fmla="*/ 338518 w 714552"/>
                  <a:gd name="connsiteY143" fmla="*/ 298286 h 714551"/>
                  <a:gd name="connsiteX144" fmla="*/ 347393 w 714552"/>
                  <a:gd name="connsiteY144" fmla="*/ 294627 h 714551"/>
                  <a:gd name="connsiteX145" fmla="*/ 341132 w 714552"/>
                  <a:gd name="connsiteY145" fmla="*/ 288197 h 714551"/>
                  <a:gd name="connsiteX146" fmla="*/ 667370 w 714552"/>
                  <a:gd name="connsiteY146" fmla="*/ 243573 h 714551"/>
                  <a:gd name="connsiteX147" fmla="*/ 669797 w 714552"/>
                  <a:gd name="connsiteY147" fmla="*/ 276858 h 714551"/>
                  <a:gd name="connsiteX148" fmla="*/ 657009 w 714552"/>
                  <a:gd name="connsiteY148" fmla="*/ 327228 h 714551"/>
                  <a:gd name="connsiteX149" fmla="*/ 664540 w 714552"/>
                  <a:gd name="connsiteY149" fmla="*/ 347419 h 714551"/>
                  <a:gd name="connsiteX150" fmla="*/ 677292 w 714552"/>
                  <a:gd name="connsiteY150" fmla="*/ 435974 h 714551"/>
                  <a:gd name="connsiteX151" fmla="*/ 676990 w 714552"/>
                  <a:gd name="connsiteY151" fmla="*/ 440247 h 714551"/>
                  <a:gd name="connsiteX152" fmla="*/ 685763 w 714552"/>
                  <a:gd name="connsiteY152" fmla="*/ 403940 h 714551"/>
                  <a:gd name="connsiteX153" fmla="*/ 679297 w 714552"/>
                  <a:gd name="connsiteY153" fmla="*/ 277380 h 714551"/>
                  <a:gd name="connsiteX154" fmla="*/ 47768 w 714552"/>
                  <a:gd name="connsiteY154" fmla="*/ 239816 h 714551"/>
                  <a:gd name="connsiteX155" fmla="*/ 43849 w 714552"/>
                  <a:gd name="connsiteY155" fmla="*/ 248286 h 714551"/>
                  <a:gd name="connsiteX156" fmla="*/ 35255 w 714552"/>
                  <a:gd name="connsiteY156" fmla="*/ 437171 h 714551"/>
                  <a:gd name="connsiteX157" fmla="*/ 50922 w 714552"/>
                  <a:gd name="connsiteY157" fmla="*/ 481583 h 714551"/>
                  <a:gd name="connsiteX158" fmla="*/ 57677 w 714552"/>
                  <a:gd name="connsiteY158" fmla="*/ 392611 h 714551"/>
                  <a:gd name="connsiteX159" fmla="*/ 61334 w 714552"/>
                  <a:gd name="connsiteY159" fmla="*/ 380598 h 714551"/>
                  <a:gd name="connsiteX160" fmla="*/ 52281 w 714552"/>
                  <a:gd name="connsiteY160" fmla="*/ 351749 h 714551"/>
                  <a:gd name="connsiteX161" fmla="*/ 44222 w 714552"/>
                  <a:gd name="connsiteY161" fmla="*/ 273115 h 714551"/>
                  <a:gd name="connsiteX162" fmla="*/ 585900 w 714552"/>
                  <a:gd name="connsiteY162" fmla="*/ 211697 h 714551"/>
                  <a:gd name="connsiteX163" fmla="*/ 569482 w 714552"/>
                  <a:gd name="connsiteY163" fmla="*/ 241976 h 714551"/>
                  <a:gd name="connsiteX164" fmla="*/ 575747 w 714552"/>
                  <a:gd name="connsiteY164" fmla="*/ 251226 h 714551"/>
                  <a:gd name="connsiteX165" fmla="*/ 579675 w 714552"/>
                  <a:gd name="connsiteY165" fmla="*/ 270595 h 714551"/>
                  <a:gd name="connsiteX166" fmla="*/ 549144 w 714552"/>
                  <a:gd name="connsiteY166" fmla="*/ 316445 h 714551"/>
                  <a:gd name="connsiteX167" fmla="*/ 547889 w 714552"/>
                  <a:gd name="connsiteY167" fmla="*/ 316697 h 714551"/>
                  <a:gd name="connsiteX168" fmla="*/ 562398 w 714552"/>
                  <a:gd name="connsiteY168" fmla="*/ 336996 h 714551"/>
                  <a:gd name="connsiteX169" fmla="*/ 579134 w 714552"/>
                  <a:gd name="connsiteY169" fmla="*/ 367907 h 714551"/>
                  <a:gd name="connsiteX170" fmla="*/ 585957 w 714552"/>
                  <a:gd name="connsiteY170" fmla="*/ 366536 h 714551"/>
                  <a:gd name="connsiteX171" fmla="*/ 612283 w 714552"/>
                  <a:gd name="connsiteY171" fmla="*/ 371827 h 714551"/>
                  <a:gd name="connsiteX172" fmla="*/ 621509 w 714552"/>
                  <a:gd name="connsiteY172" fmla="*/ 378019 h 714551"/>
                  <a:gd name="connsiteX173" fmla="*/ 622202 w 714552"/>
                  <a:gd name="connsiteY173" fmla="*/ 376832 h 714551"/>
                  <a:gd name="connsiteX174" fmla="*/ 638486 w 714552"/>
                  <a:gd name="connsiteY174" fmla="*/ 312699 h 714551"/>
                  <a:gd name="connsiteX175" fmla="*/ 624308 w 714552"/>
                  <a:gd name="connsiteY175" fmla="*/ 272094 h 714551"/>
                  <a:gd name="connsiteX176" fmla="*/ 388134 w 714552"/>
                  <a:gd name="connsiteY176" fmla="*/ 179850 h 714551"/>
                  <a:gd name="connsiteX177" fmla="*/ 376939 w 714552"/>
                  <a:gd name="connsiteY177" fmla="*/ 187786 h 714551"/>
                  <a:gd name="connsiteX178" fmla="*/ 312720 w 714552"/>
                  <a:gd name="connsiteY178" fmla="*/ 245682 h 714551"/>
                  <a:gd name="connsiteX179" fmla="*/ 309775 w 714552"/>
                  <a:gd name="connsiteY179" fmla="*/ 248985 h 714551"/>
                  <a:gd name="connsiteX180" fmla="*/ 339714 w 714552"/>
                  <a:gd name="connsiteY180" fmla="*/ 275893 h 714551"/>
                  <a:gd name="connsiteX181" fmla="*/ 354878 w 714552"/>
                  <a:gd name="connsiteY181" fmla="*/ 291540 h 714551"/>
                  <a:gd name="connsiteX182" fmla="*/ 368613 w 714552"/>
                  <a:gd name="connsiteY182" fmla="*/ 285877 h 714551"/>
                  <a:gd name="connsiteX183" fmla="*/ 411175 w 714552"/>
                  <a:gd name="connsiteY183" fmla="*/ 328244 h 714551"/>
                  <a:gd name="connsiteX184" fmla="*/ 404950 w 714552"/>
                  <a:gd name="connsiteY184" fmla="*/ 343205 h 714551"/>
                  <a:gd name="connsiteX185" fmla="*/ 412779 w 714552"/>
                  <a:gd name="connsiteY185" fmla="*/ 351283 h 714551"/>
                  <a:gd name="connsiteX186" fmla="*/ 446647 w 714552"/>
                  <a:gd name="connsiteY186" fmla="*/ 392467 h 714551"/>
                  <a:gd name="connsiteX187" fmla="*/ 487912 w 714552"/>
                  <a:gd name="connsiteY187" fmla="*/ 341085 h 714551"/>
                  <a:gd name="connsiteX188" fmla="*/ 504608 w 714552"/>
                  <a:gd name="connsiteY188" fmla="*/ 312673 h 714551"/>
                  <a:gd name="connsiteX189" fmla="*/ 494339 w 714552"/>
                  <a:gd name="connsiteY189" fmla="*/ 305781 h 714551"/>
                  <a:gd name="connsiteX190" fmla="*/ 479697 w 714552"/>
                  <a:gd name="connsiteY190" fmla="*/ 270595 h 714551"/>
                  <a:gd name="connsiteX191" fmla="*/ 482182 w 714552"/>
                  <a:gd name="connsiteY191" fmla="*/ 258345 h 714551"/>
                  <a:gd name="connsiteX192" fmla="*/ 427474 w 714552"/>
                  <a:gd name="connsiteY192" fmla="*/ 204358 h 714551"/>
                  <a:gd name="connsiteX193" fmla="*/ 199223 w 714552"/>
                  <a:gd name="connsiteY193" fmla="*/ 171542 h 714551"/>
                  <a:gd name="connsiteX194" fmla="*/ 135497 w 714552"/>
                  <a:gd name="connsiteY194" fmla="*/ 250607 h 714551"/>
                  <a:gd name="connsiteX195" fmla="*/ 123377 w 714552"/>
                  <a:gd name="connsiteY195" fmla="*/ 274720 h 714551"/>
                  <a:gd name="connsiteX196" fmla="*/ 134248 w 714552"/>
                  <a:gd name="connsiteY196" fmla="*/ 312031 h 714551"/>
                  <a:gd name="connsiteX197" fmla="*/ 165241 w 714552"/>
                  <a:gd name="connsiteY197" fmla="*/ 368808 h 714551"/>
                  <a:gd name="connsiteX198" fmla="*/ 176643 w 714552"/>
                  <a:gd name="connsiteY198" fmla="*/ 371099 h 714551"/>
                  <a:gd name="connsiteX199" fmla="*/ 184928 w 714552"/>
                  <a:gd name="connsiteY199" fmla="*/ 376660 h 714551"/>
                  <a:gd name="connsiteX200" fmla="*/ 239979 w 714552"/>
                  <a:gd name="connsiteY200" fmla="*/ 299965 h 714551"/>
                  <a:gd name="connsiteX201" fmla="*/ 290467 w 714552"/>
                  <a:gd name="connsiteY201" fmla="*/ 243311 h 714551"/>
                  <a:gd name="connsiteX202" fmla="*/ 268528 w 714552"/>
                  <a:gd name="connsiteY202" fmla="*/ 223873 h 714551"/>
                  <a:gd name="connsiteX203" fmla="*/ 248270 w 714552"/>
                  <a:gd name="connsiteY203" fmla="*/ 208577 h 714551"/>
                  <a:gd name="connsiteX204" fmla="*/ 241838 w 714552"/>
                  <a:gd name="connsiteY204" fmla="*/ 207284 h 714551"/>
                  <a:gd name="connsiteX205" fmla="*/ 220340 w 714552"/>
                  <a:gd name="connsiteY205" fmla="*/ 192856 h 714551"/>
                  <a:gd name="connsiteX206" fmla="*/ 212897 w 714552"/>
                  <a:gd name="connsiteY206" fmla="*/ 181866 h 714551"/>
                  <a:gd name="connsiteX207" fmla="*/ 89292 w 714552"/>
                  <a:gd name="connsiteY207" fmla="*/ 164538 h 714551"/>
                  <a:gd name="connsiteX208" fmla="*/ 71230 w 714552"/>
                  <a:gd name="connsiteY208" fmla="*/ 189109 h 714551"/>
                  <a:gd name="connsiteX209" fmla="*/ 58082 w 714552"/>
                  <a:gd name="connsiteY209" fmla="*/ 217524 h 714551"/>
                  <a:gd name="connsiteX210" fmla="*/ 54597 w 714552"/>
                  <a:gd name="connsiteY210" fmla="*/ 248257 h 714551"/>
                  <a:gd name="connsiteX211" fmla="*/ 61377 w 714552"/>
                  <a:gd name="connsiteY211" fmla="*/ 329972 h 714551"/>
                  <a:gd name="connsiteX212" fmla="*/ 68776 w 714552"/>
                  <a:gd name="connsiteY212" fmla="*/ 356146 h 714551"/>
                  <a:gd name="connsiteX213" fmla="*/ 82317 w 714552"/>
                  <a:gd name="connsiteY213" fmla="*/ 311660 h 714551"/>
                  <a:gd name="connsiteX214" fmla="*/ 106151 w 714552"/>
                  <a:gd name="connsiteY214" fmla="*/ 264244 h 714551"/>
                  <a:gd name="connsiteX215" fmla="*/ 96528 w 714552"/>
                  <a:gd name="connsiteY215" fmla="*/ 234535 h 714551"/>
                  <a:gd name="connsiteX216" fmla="*/ 335438 w 714552"/>
                  <a:gd name="connsiteY216" fmla="*/ 147023 h 714551"/>
                  <a:gd name="connsiteX217" fmla="*/ 330482 w 714552"/>
                  <a:gd name="connsiteY217" fmla="*/ 171457 h 714551"/>
                  <a:gd name="connsiteX218" fmla="*/ 294490 w 714552"/>
                  <a:gd name="connsiteY218" fmla="*/ 207284 h 714551"/>
                  <a:gd name="connsiteX219" fmla="*/ 269065 w 714552"/>
                  <a:gd name="connsiteY219" fmla="*/ 212394 h 714551"/>
                  <a:gd name="connsiteX220" fmla="*/ 296247 w 714552"/>
                  <a:gd name="connsiteY220" fmla="*/ 236824 h 714551"/>
                  <a:gd name="connsiteX221" fmla="*/ 303795 w 714552"/>
                  <a:gd name="connsiteY221" fmla="*/ 228353 h 714551"/>
                  <a:gd name="connsiteX222" fmla="*/ 370075 w 714552"/>
                  <a:gd name="connsiteY222" fmla="*/ 168602 h 714551"/>
                  <a:gd name="connsiteX223" fmla="*/ 610571 w 714552"/>
                  <a:gd name="connsiteY223" fmla="*/ 145240 h 714551"/>
                  <a:gd name="connsiteX224" fmla="*/ 591321 w 714552"/>
                  <a:gd name="connsiteY224" fmla="*/ 197895 h 714551"/>
                  <a:gd name="connsiteX225" fmla="*/ 632549 w 714552"/>
                  <a:gd name="connsiteY225" fmla="*/ 261660 h 714551"/>
                  <a:gd name="connsiteX226" fmla="*/ 643791 w 714552"/>
                  <a:gd name="connsiteY226" fmla="*/ 291798 h 714551"/>
                  <a:gd name="connsiteX227" fmla="*/ 647227 w 714552"/>
                  <a:gd name="connsiteY227" fmla="*/ 278269 h 714551"/>
                  <a:gd name="connsiteX228" fmla="*/ 640623 w 714552"/>
                  <a:gd name="connsiteY228" fmla="*/ 187681 h 714551"/>
                  <a:gd name="connsiteX229" fmla="*/ 624696 w 714552"/>
                  <a:gd name="connsiteY229" fmla="*/ 160835 h 714551"/>
                  <a:gd name="connsiteX230" fmla="*/ 123273 w 714552"/>
                  <a:gd name="connsiteY230" fmla="*/ 123877 h 714551"/>
                  <a:gd name="connsiteX231" fmla="*/ 111030 w 714552"/>
                  <a:gd name="connsiteY231" fmla="*/ 134966 h 714551"/>
                  <a:gd name="connsiteX232" fmla="*/ 103045 w 714552"/>
                  <a:gd name="connsiteY232" fmla="*/ 145830 h 714551"/>
                  <a:gd name="connsiteX233" fmla="*/ 108418 w 714552"/>
                  <a:gd name="connsiteY233" fmla="*/ 223381 h 714551"/>
                  <a:gd name="connsiteX234" fmla="*/ 115123 w 714552"/>
                  <a:gd name="connsiteY234" fmla="*/ 246394 h 714551"/>
                  <a:gd name="connsiteX235" fmla="*/ 118983 w 714552"/>
                  <a:gd name="connsiteY235" fmla="*/ 238715 h 714551"/>
                  <a:gd name="connsiteX236" fmla="*/ 153408 w 714552"/>
                  <a:gd name="connsiteY236" fmla="*/ 189961 h 714551"/>
                  <a:gd name="connsiteX237" fmla="*/ 181108 w 714552"/>
                  <a:gd name="connsiteY237" fmla="*/ 159818 h 714551"/>
                  <a:gd name="connsiteX238" fmla="*/ 125841 w 714552"/>
                  <a:gd name="connsiteY238" fmla="*/ 125213 h 714551"/>
                  <a:gd name="connsiteX239" fmla="*/ 491029 w 714552"/>
                  <a:gd name="connsiteY239" fmla="*/ 116871 h 714551"/>
                  <a:gd name="connsiteX240" fmla="*/ 443339 w 714552"/>
                  <a:gd name="connsiteY240" fmla="*/ 140715 h 714551"/>
                  <a:gd name="connsiteX241" fmla="*/ 402963 w 714552"/>
                  <a:gd name="connsiteY241" fmla="*/ 169337 h 714551"/>
                  <a:gd name="connsiteX242" fmla="*/ 450243 w 714552"/>
                  <a:gd name="connsiteY242" fmla="*/ 204546 h 714551"/>
                  <a:gd name="connsiteX243" fmla="*/ 488338 w 714552"/>
                  <a:gd name="connsiteY243" fmla="*/ 244269 h 714551"/>
                  <a:gd name="connsiteX244" fmla="*/ 494339 w 714552"/>
                  <a:gd name="connsiteY244" fmla="*/ 235409 h 714551"/>
                  <a:gd name="connsiteX245" fmla="*/ 529686 w 714552"/>
                  <a:gd name="connsiteY245" fmla="*/ 220835 h 714551"/>
                  <a:gd name="connsiteX246" fmla="*/ 549144 w 714552"/>
                  <a:gd name="connsiteY246" fmla="*/ 224745 h 714551"/>
                  <a:gd name="connsiteX247" fmla="*/ 554261 w 714552"/>
                  <a:gd name="connsiteY247" fmla="*/ 228179 h 714551"/>
                  <a:gd name="connsiteX248" fmla="*/ 564930 w 714552"/>
                  <a:gd name="connsiteY248" fmla="*/ 210023 h 714551"/>
                  <a:gd name="connsiteX249" fmla="*/ 571873 w 714552"/>
                  <a:gd name="connsiteY249" fmla="*/ 191034 h 714551"/>
                  <a:gd name="connsiteX250" fmla="*/ 535575 w 714552"/>
                  <a:gd name="connsiteY250" fmla="*/ 152338 h 714551"/>
                  <a:gd name="connsiteX251" fmla="*/ 492030 w 714552"/>
                  <a:gd name="connsiteY251" fmla="*/ 117465 h 714551"/>
                  <a:gd name="connsiteX252" fmla="*/ 149397 w 714552"/>
                  <a:gd name="connsiteY252" fmla="*/ 100216 h 714551"/>
                  <a:gd name="connsiteX253" fmla="*/ 133681 w 714552"/>
                  <a:gd name="connsiteY253" fmla="*/ 114451 h 714551"/>
                  <a:gd name="connsiteX254" fmla="*/ 189461 w 714552"/>
                  <a:gd name="connsiteY254" fmla="*/ 150730 h 714551"/>
                  <a:gd name="connsiteX255" fmla="*/ 193017 w 714552"/>
                  <a:gd name="connsiteY255" fmla="*/ 146860 h 714551"/>
                  <a:gd name="connsiteX256" fmla="*/ 201456 w 714552"/>
                  <a:gd name="connsiteY256" fmla="*/ 140692 h 714551"/>
                  <a:gd name="connsiteX257" fmla="*/ 205846 w 714552"/>
                  <a:gd name="connsiteY257" fmla="*/ 119047 h 714551"/>
                  <a:gd name="connsiteX258" fmla="*/ 214270 w 714552"/>
                  <a:gd name="connsiteY258" fmla="*/ 106610 h 714551"/>
                  <a:gd name="connsiteX259" fmla="*/ 551006 w 714552"/>
                  <a:gd name="connsiteY259" fmla="*/ 90021 h 714551"/>
                  <a:gd name="connsiteX260" fmla="*/ 532814 w 714552"/>
                  <a:gd name="connsiteY260" fmla="*/ 95982 h 714551"/>
                  <a:gd name="connsiteX261" fmla="*/ 504524 w 714552"/>
                  <a:gd name="connsiteY261" fmla="*/ 110125 h 714551"/>
                  <a:gd name="connsiteX262" fmla="*/ 529575 w 714552"/>
                  <a:gd name="connsiteY262" fmla="*/ 128577 h 714551"/>
                  <a:gd name="connsiteX263" fmla="*/ 576789 w 714552"/>
                  <a:gd name="connsiteY263" fmla="*/ 177584 h 714551"/>
                  <a:gd name="connsiteX264" fmla="*/ 594929 w 714552"/>
                  <a:gd name="connsiteY264" fmla="*/ 127970 h 714551"/>
                  <a:gd name="connsiteX265" fmla="*/ 579586 w 714552"/>
                  <a:gd name="connsiteY265" fmla="*/ 111030 h 714551"/>
                  <a:gd name="connsiteX266" fmla="*/ 383383 w 714552"/>
                  <a:gd name="connsiteY266" fmla="*/ 66055 h 714551"/>
                  <a:gd name="connsiteX267" fmla="*/ 309627 w 714552"/>
                  <a:gd name="connsiteY267" fmla="*/ 93378 h 714551"/>
                  <a:gd name="connsiteX268" fmla="*/ 315988 w 714552"/>
                  <a:gd name="connsiteY268" fmla="*/ 97648 h 714551"/>
                  <a:gd name="connsiteX269" fmla="*/ 330482 w 714552"/>
                  <a:gd name="connsiteY269" fmla="*/ 119047 h 714551"/>
                  <a:gd name="connsiteX270" fmla="*/ 331969 w 714552"/>
                  <a:gd name="connsiteY270" fmla="*/ 126377 h 714551"/>
                  <a:gd name="connsiteX271" fmla="*/ 374074 w 714552"/>
                  <a:gd name="connsiteY271" fmla="*/ 147823 h 714551"/>
                  <a:gd name="connsiteX272" fmla="*/ 386244 w 714552"/>
                  <a:gd name="connsiteY272" fmla="*/ 156886 h 714551"/>
                  <a:gd name="connsiteX273" fmla="*/ 441299 w 714552"/>
                  <a:gd name="connsiteY273" fmla="*/ 117856 h 714551"/>
                  <a:gd name="connsiteX274" fmla="*/ 469184 w 714552"/>
                  <a:gd name="connsiteY274" fmla="*/ 103915 h 714551"/>
                  <a:gd name="connsiteX275" fmla="*/ 444756 w 714552"/>
                  <a:gd name="connsiteY275" fmla="*/ 89425 h 714551"/>
                  <a:gd name="connsiteX276" fmla="*/ 394511 w 714552"/>
                  <a:gd name="connsiteY276" fmla="*/ 68285 h 714551"/>
                  <a:gd name="connsiteX277" fmla="*/ 494347 w 714552"/>
                  <a:gd name="connsiteY277" fmla="*/ 56841 h 714551"/>
                  <a:gd name="connsiteX278" fmla="*/ 422186 w 714552"/>
                  <a:gd name="connsiteY278" fmla="*/ 60928 h 714551"/>
                  <a:gd name="connsiteX279" fmla="*/ 471636 w 714552"/>
                  <a:gd name="connsiteY279" fmla="*/ 85897 h 714551"/>
                  <a:gd name="connsiteX280" fmla="*/ 485214 w 714552"/>
                  <a:gd name="connsiteY280" fmla="*/ 95900 h 714551"/>
                  <a:gd name="connsiteX281" fmla="*/ 529133 w 714552"/>
                  <a:gd name="connsiteY281" fmla="*/ 73942 h 714551"/>
                  <a:gd name="connsiteX282" fmla="*/ 525442 w 714552"/>
                  <a:gd name="connsiteY282" fmla="*/ 71229 h 714551"/>
                  <a:gd name="connsiteX283" fmla="*/ 288153 w 714552"/>
                  <a:gd name="connsiteY283" fmla="*/ 46979 h 714551"/>
                  <a:gd name="connsiteX284" fmla="*/ 234166 w 714552"/>
                  <a:gd name="connsiteY284" fmla="*/ 50500 h 714551"/>
                  <a:gd name="connsiteX285" fmla="*/ 216915 w 714552"/>
                  <a:gd name="connsiteY285" fmla="*/ 56586 h 714551"/>
                  <a:gd name="connsiteX286" fmla="*/ 182785 w 714552"/>
                  <a:gd name="connsiteY286" fmla="*/ 76834 h 714551"/>
                  <a:gd name="connsiteX287" fmla="*/ 209134 w 714552"/>
                  <a:gd name="connsiteY287" fmla="*/ 80986 h 714551"/>
                  <a:gd name="connsiteX288" fmla="*/ 233927 w 714552"/>
                  <a:gd name="connsiteY288" fmla="*/ 88530 h 714551"/>
                  <a:gd name="connsiteX289" fmla="*/ 241838 w 714552"/>
                  <a:gd name="connsiteY289" fmla="*/ 83220 h 714551"/>
                  <a:gd name="connsiteX290" fmla="*/ 268164 w 714552"/>
                  <a:gd name="connsiteY290" fmla="*/ 77929 h 714551"/>
                  <a:gd name="connsiteX291" fmla="*/ 283200 w 714552"/>
                  <a:gd name="connsiteY291" fmla="*/ 80951 h 714551"/>
                  <a:gd name="connsiteX292" fmla="*/ 285081 w 714552"/>
                  <a:gd name="connsiteY292" fmla="*/ 79576 h 714551"/>
                  <a:gd name="connsiteX293" fmla="*/ 343270 w 714552"/>
                  <a:gd name="connsiteY293" fmla="*/ 58020 h 714551"/>
                  <a:gd name="connsiteX294" fmla="*/ 340351 w 714552"/>
                  <a:gd name="connsiteY294" fmla="*/ 25957 h 714551"/>
                  <a:gd name="connsiteX295" fmla="*/ 313464 w 714552"/>
                  <a:gd name="connsiteY295" fmla="*/ 29926 h 714551"/>
                  <a:gd name="connsiteX296" fmla="*/ 342538 w 714552"/>
                  <a:gd name="connsiteY296" fmla="*/ 33543 h 714551"/>
                  <a:gd name="connsiteX297" fmla="*/ 378845 w 714552"/>
                  <a:gd name="connsiteY297" fmla="*/ 44841 h 714551"/>
                  <a:gd name="connsiteX298" fmla="*/ 389757 w 714552"/>
                  <a:gd name="connsiteY298" fmla="*/ 40799 h 714551"/>
                  <a:gd name="connsiteX299" fmla="*/ 441514 w 714552"/>
                  <a:gd name="connsiteY299" fmla="*/ 37867 h 714551"/>
                  <a:gd name="connsiteX300" fmla="*/ 403941 w 714552"/>
                  <a:gd name="connsiteY300" fmla="*/ 28789 h 714551"/>
                  <a:gd name="connsiteX301" fmla="*/ 340351 w 714552"/>
                  <a:gd name="connsiteY301" fmla="*/ 25957 h 714551"/>
                  <a:gd name="connsiteX302" fmla="*/ 356186 w 714552"/>
                  <a:gd name="connsiteY302" fmla="*/ 2 h 714551"/>
                  <a:gd name="connsiteX303" fmla="*/ 596689 w 714552"/>
                  <a:gd name="connsiteY303" fmla="*/ 92086 h 714551"/>
                  <a:gd name="connsiteX304" fmla="*/ 616572 w 714552"/>
                  <a:gd name="connsiteY304" fmla="*/ 114039 h 714551"/>
                  <a:gd name="connsiteX305" fmla="*/ 620730 w 714552"/>
                  <a:gd name="connsiteY305" fmla="*/ 116955 h 714551"/>
                  <a:gd name="connsiteX306" fmla="*/ 620423 w 714552"/>
                  <a:gd name="connsiteY306" fmla="*/ 118290 h 714551"/>
                  <a:gd name="connsiteX307" fmla="*/ 645269 w 714552"/>
                  <a:gd name="connsiteY307" fmla="*/ 145724 h 714551"/>
                  <a:gd name="connsiteX308" fmla="*/ 658367 w 714552"/>
                  <a:gd name="connsiteY308" fmla="*/ 167801 h 714551"/>
                  <a:gd name="connsiteX309" fmla="*/ 660378 w 714552"/>
                  <a:gd name="connsiteY309" fmla="*/ 166925 h 714551"/>
                  <a:gd name="connsiteX310" fmla="*/ 662200 w 714552"/>
                  <a:gd name="connsiteY310" fmla="*/ 172636 h 714551"/>
                  <a:gd name="connsiteX311" fmla="*/ 662335 w 714552"/>
                  <a:gd name="connsiteY311" fmla="*/ 174488 h 714551"/>
                  <a:gd name="connsiteX312" fmla="*/ 681099 w 714552"/>
                  <a:gd name="connsiteY312" fmla="*/ 206115 h 714551"/>
                  <a:gd name="connsiteX313" fmla="*/ 694817 w 714552"/>
                  <a:gd name="connsiteY313" fmla="*/ 474650 h 714551"/>
                  <a:gd name="connsiteX314" fmla="*/ 670187 w 714552"/>
                  <a:gd name="connsiteY314" fmla="*/ 527879 h 714551"/>
                  <a:gd name="connsiteX315" fmla="*/ 669572 w 714552"/>
                  <a:gd name="connsiteY315" fmla="*/ 530550 h 714551"/>
                  <a:gd name="connsiteX316" fmla="*/ 668813 w 714552"/>
                  <a:gd name="connsiteY316" fmla="*/ 532071 h 714551"/>
                  <a:gd name="connsiteX317" fmla="*/ 666674 w 714552"/>
                  <a:gd name="connsiteY317" fmla="*/ 535472 h 714551"/>
                  <a:gd name="connsiteX318" fmla="*/ 665329 w 714552"/>
                  <a:gd name="connsiteY318" fmla="*/ 538379 h 714551"/>
                  <a:gd name="connsiteX319" fmla="*/ 661969 w 714552"/>
                  <a:gd name="connsiteY319" fmla="*/ 542950 h 714551"/>
                  <a:gd name="connsiteX320" fmla="*/ 650198 w 714552"/>
                  <a:gd name="connsiteY320" fmla="*/ 561656 h 714551"/>
                  <a:gd name="connsiteX321" fmla="*/ 645757 w 714552"/>
                  <a:gd name="connsiteY321" fmla="*/ 567383 h 714551"/>
                  <a:gd name="connsiteX322" fmla="*/ 646743 w 714552"/>
                  <a:gd name="connsiteY322" fmla="*/ 563662 h 714551"/>
                  <a:gd name="connsiteX323" fmla="*/ 643528 w 714552"/>
                  <a:gd name="connsiteY323" fmla="*/ 568036 h 714551"/>
                  <a:gd name="connsiteX324" fmla="*/ 643635 w 714552"/>
                  <a:gd name="connsiteY324" fmla="*/ 568822 h 714551"/>
                  <a:gd name="connsiteX325" fmla="*/ 644920 w 714552"/>
                  <a:gd name="connsiteY325" fmla="*/ 568464 h 714551"/>
                  <a:gd name="connsiteX326" fmla="*/ 628953 w 714552"/>
                  <a:gd name="connsiteY326" fmla="*/ 589050 h 714551"/>
                  <a:gd name="connsiteX327" fmla="*/ 625015 w 714552"/>
                  <a:gd name="connsiteY327" fmla="*/ 593221 h 714551"/>
                  <a:gd name="connsiteX328" fmla="*/ 622466 w 714552"/>
                  <a:gd name="connsiteY328" fmla="*/ 596688 h 714551"/>
                  <a:gd name="connsiteX329" fmla="*/ 602356 w 714552"/>
                  <a:gd name="connsiteY329" fmla="*/ 614903 h 714551"/>
                  <a:gd name="connsiteX330" fmla="*/ 603020 w 714552"/>
                  <a:gd name="connsiteY330" fmla="*/ 616094 h 714551"/>
                  <a:gd name="connsiteX331" fmla="*/ 596409 w 714552"/>
                  <a:gd name="connsiteY331" fmla="*/ 621868 h 714551"/>
                  <a:gd name="connsiteX332" fmla="*/ 595837 w 714552"/>
                  <a:gd name="connsiteY332" fmla="*/ 620806 h 714551"/>
                  <a:gd name="connsiteX333" fmla="*/ 568829 w 714552"/>
                  <a:gd name="connsiteY333" fmla="*/ 645269 h 714551"/>
                  <a:gd name="connsiteX334" fmla="*/ 551809 w 714552"/>
                  <a:gd name="connsiteY334" fmla="*/ 655367 h 714551"/>
                  <a:gd name="connsiteX335" fmla="*/ 554292 w 714552"/>
                  <a:gd name="connsiteY335" fmla="*/ 654736 h 714551"/>
                  <a:gd name="connsiteX336" fmla="*/ 551567 w 714552"/>
                  <a:gd name="connsiteY336" fmla="*/ 656691 h 714551"/>
                  <a:gd name="connsiteX337" fmla="*/ 521934 w 714552"/>
                  <a:gd name="connsiteY337" fmla="*/ 673931 h 714551"/>
                  <a:gd name="connsiteX338" fmla="*/ 515614 w 714552"/>
                  <a:gd name="connsiteY338" fmla="*/ 676839 h 714551"/>
                  <a:gd name="connsiteX339" fmla="*/ 508436 w 714552"/>
                  <a:gd name="connsiteY339" fmla="*/ 681098 h 714551"/>
                  <a:gd name="connsiteX340" fmla="*/ 117864 w 714552"/>
                  <a:gd name="connsiteY340" fmla="*/ 622466 h 714551"/>
                  <a:gd name="connsiteX341" fmla="*/ 87593 w 714552"/>
                  <a:gd name="connsiteY341" fmla="*/ 589044 h 714551"/>
                  <a:gd name="connsiteX342" fmla="*/ 81891 w 714552"/>
                  <a:gd name="connsiteY342" fmla="*/ 588244 h 714551"/>
                  <a:gd name="connsiteX343" fmla="*/ 83326 w 714552"/>
                  <a:gd name="connsiteY343" fmla="*/ 584333 h 714551"/>
                  <a:gd name="connsiteX344" fmla="*/ 69282 w 714552"/>
                  <a:gd name="connsiteY344" fmla="*/ 568828 h 714551"/>
                  <a:gd name="connsiteX345" fmla="*/ 49224 w 714552"/>
                  <a:gd name="connsiteY345" fmla="*/ 176173 h 714551"/>
                  <a:gd name="connsiteX346" fmla="*/ 61800 w 714552"/>
                  <a:gd name="connsiteY346" fmla="*/ 159064 h 714551"/>
                  <a:gd name="connsiteX347" fmla="*/ 63093 w 714552"/>
                  <a:gd name="connsiteY347" fmla="*/ 154269 h 714551"/>
                  <a:gd name="connsiteX348" fmla="*/ 64558 w 714552"/>
                  <a:gd name="connsiteY348" fmla="*/ 151941 h 714551"/>
                  <a:gd name="connsiteX349" fmla="*/ 68847 w 714552"/>
                  <a:gd name="connsiteY349" fmla="*/ 146412 h 714551"/>
                  <a:gd name="connsiteX350" fmla="*/ 67570 w 714552"/>
                  <a:gd name="connsiteY350" fmla="*/ 151215 h 714551"/>
                  <a:gd name="connsiteX351" fmla="*/ 88322 w 714552"/>
                  <a:gd name="connsiteY351" fmla="*/ 122985 h 714551"/>
                  <a:gd name="connsiteX352" fmla="*/ 88384 w 714552"/>
                  <a:gd name="connsiteY352" fmla="*/ 121815 h 714551"/>
                  <a:gd name="connsiteX353" fmla="*/ 91983 w 714552"/>
                  <a:gd name="connsiteY353" fmla="*/ 118005 h 714551"/>
                  <a:gd name="connsiteX354" fmla="*/ 92086 w 714552"/>
                  <a:gd name="connsiteY354" fmla="*/ 117863 h 714551"/>
                  <a:gd name="connsiteX355" fmla="*/ 92290 w 714552"/>
                  <a:gd name="connsiteY355" fmla="*/ 117679 h 714551"/>
                  <a:gd name="connsiteX356" fmla="*/ 98575 w 714552"/>
                  <a:gd name="connsiteY356" fmla="*/ 111021 h 714551"/>
                  <a:gd name="connsiteX357" fmla="*/ 98574 w 714552"/>
                  <a:gd name="connsiteY357" fmla="*/ 111021 h 714551"/>
                  <a:gd name="connsiteX358" fmla="*/ 109194 w 714552"/>
                  <a:gd name="connsiteY358" fmla="*/ 99775 h 714551"/>
                  <a:gd name="connsiteX359" fmla="*/ 110978 w 714552"/>
                  <a:gd name="connsiteY359" fmla="*/ 100753 h 714551"/>
                  <a:gd name="connsiteX360" fmla="*/ 114309 w 714552"/>
                  <a:gd name="connsiteY360" fmla="*/ 97735 h 714551"/>
                  <a:gd name="connsiteX361" fmla="*/ 111203 w 714552"/>
                  <a:gd name="connsiteY361" fmla="*/ 97969 h 714551"/>
                  <a:gd name="connsiteX362" fmla="*/ 135331 w 714552"/>
                  <a:gd name="connsiteY362" fmla="*/ 76894 h 714551"/>
                  <a:gd name="connsiteX363" fmla="*/ 141004 w 714552"/>
                  <a:gd name="connsiteY363" fmla="*/ 72824 h 714551"/>
                  <a:gd name="connsiteX364" fmla="*/ 141764 w 714552"/>
                  <a:gd name="connsiteY364" fmla="*/ 72869 h 714551"/>
                  <a:gd name="connsiteX365" fmla="*/ 145724 w 714552"/>
                  <a:gd name="connsiteY365" fmla="*/ 69282 h 714551"/>
                  <a:gd name="connsiteX366" fmla="*/ 165762 w 714552"/>
                  <a:gd name="connsiteY366" fmla="*/ 57395 h 714551"/>
                  <a:gd name="connsiteX367" fmla="*/ 160785 w 714552"/>
                  <a:gd name="connsiteY367" fmla="*/ 58633 h 714551"/>
                  <a:gd name="connsiteX368" fmla="*/ 163189 w 714552"/>
                  <a:gd name="connsiteY368" fmla="*/ 56907 h 714551"/>
                  <a:gd name="connsiteX369" fmla="*/ 190471 w 714552"/>
                  <a:gd name="connsiteY369" fmla="*/ 42735 h 714551"/>
                  <a:gd name="connsiteX370" fmla="*/ 206116 w 714552"/>
                  <a:gd name="connsiteY370" fmla="*/ 33453 h 714551"/>
                  <a:gd name="connsiteX371" fmla="*/ 213043 w 714552"/>
                  <a:gd name="connsiteY371" fmla="*/ 31009 h 714551"/>
                  <a:gd name="connsiteX372" fmla="*/ 224021 w 714552"/>
                  <a:gd name="connsiteY372" fmla="*/ 25307 h 714551"/>
                  <a:gd name="connsiteX373" fmla="*/ 225919 w 714552"/>
                  <a:gd name="connsiteY373" fmla="*/ 24646 h 714551"/>
                  <a:gd name="connsiteX374" fmla="*/ 231396 w 714552"/>
                  <a:gd name="connsiteY374" fmla="*/ 24535 h 714551"/>
                  <a:gd name="connsiteX375" fmla="*/ 271235 w 714552"/>
                  <a:gd name="connsiteY375" fmla="*/ 10481 h 714551"/>
                  <a:gd name="connsiteX376" fmla="*/ 356186 w 714552"/>
                  <a:gd name="connsiteY376" fmla="*/ 2 h 714551"/>
                </a:gdLst>
                <a:ahLst/>
                <a:cxnLst>
                  <a:cxn ang="0">
                    <a:pos x="connsiteX0" y="connsiteY0"/>
                  </a:cxn>
                  <a:cxn ang="0">
                    <a:pos x="connsiteX1" y="connsiteY1"/>
                  </a:cxn>
                  <a:cxn ang="0">
                    <a:pos x="connsiteX2" y="connsiteY2"/>
                  </a:cxn>
                  <a:cxn ang="0">
                    <a:pos x="connsiteX3" y="connsiteY3"/>
                  </a:cxn>
                  <a:cxn ang="0">
                    <a:pos x="connsiteX4" y="connsiteY4"/>
                  </a:cxn>
                  <a:cxn ang="0">
                    <a:pos x="connsiteX5" y="connsiteY5"/>
                  </a:cxn>
                  <a:cxn ang="0">
                    <a:pos x="connsiteX6" y="connsiteY6"/>
                  </a:cxn>
                  <a:cxn ang="0">
                    <a:pos x="connsiteX7" y="connsiteY7"/>
                  </a:cxn>
                  <a:cxn ang="0">
                    <a:pos x="connsiteX8" y="connsiteY8"/>
                  </a:cxn>
                  <a:cxn ang="0">
                    <a:pos x="connsiteX9" y="connsiteY9"/>
                  </a:cxn>
                  <a:cxn ang="0">
                    <a:pos x="connsiteX10" y="connsiteY10"/>
                  </a:cxn>
                  <a:cxn ang="0">
                    <a:pos x="connsiteX11" y="connsiteY11"/>
                  </a:cxn>
                  <a:cxn ang="0">
                    <a:pos x="connsiteX12" y="connsiteY12"/>
                  </a:cxn>
                  <a:cxn ang="0">
                    <a:pos x="connsiteX13" y="connsiteY13"/>
                  </a:cxn>
                  <a:cxn ang="0">
                    <a:pos x="connsiteX14" y="connsiteY14"/>
                  </a:cxn>
                  <a:cxn ang="0">
                    <a:pos x="connsiteX15" y="connsiteY15"/>
                  </a:cxn>
                  <a:cxn ang="0">
                    <a:pos x="connsiteX16" y="connsiteY16"/>
                  </a:cxn>
                  <a:cxn ang="0">
                    <a:pos x="connsiteX17" y="connsiteY17"/>
                  </a:cxn>
                  <a:cxn ang="0">
                    <a:pos x="connsiteX18" y="connsiteY18"/>
                  </a:cxn>
                  <a:cxn ang="0">
                    <a:pos x="connsiteX19" y="connsiteY19"/>
                  </a:cxn>
                  <a:cxn ang="0">
                    <a:pos x="connsiteX20" y="connsiteY20"/>
                  </a:cxn>
                  <a:cxn ang="0">
                    <a:pos x="connsiteX21" y="connsiteY21"/>
                  </a:cxn>
                  <a:cxn ang="0">
                    <a:pos x="connsiteX22" y="connsiteY22"/>
                  </a:cxn>
                  <a:cxn ang="0">
                    <a:pos x="connsiteX23" y="connsiteY23"/>
                  </a:cxn>
                  <a:cxn ang="0">
                    <a:pos x="connsiteX24" y="connsiteY24"/>
                  </a:cxn>
                  <a:cxn ang="0">
                    <a:pos x="connsiteX25" y="connsiteY25"/>
                  </a:cxn>
                  <a:cxn ang="0">
                    <a:pos x="connsiteX26" y="connsiteY26"/>
                  </a:cxn>
                  <a:cxn ang="0">
                    <a:pos x="connsiteX27" y="connsiteY27"/>
                  </a:cxn>
                  <a:cxn ang="0">
                    <a:pos x="connsiteX28" y="connsiteY28"/>
                  </a:cxn>
                  <a:cxn ang="0">
                    <a:pos x="connsiteX29" y="connsiteY29"/>
                  </a:cxn>
                  <a:cxn ang="0">
                    <a:pos x="connsiteX30" y="connsiteY30"/>
                  </a:cxn>
                  <a:cxn ang="0">
                    <a:pos x="connsiteX31" y="connsiteY31"/>
                  </a:cxn>
                  <a:cxn ang="0">
                    <a:pos x="connsiteX32" y="connsiteY32"/>
                  </a:cxn>
                  <a:cxn ang="0">
                    <a:pos x="connsiteX33" y="connsiteY33"/>
                  </a:cxn>
                  <a:cxn ang="0">
                    <a:pos x="connsiteX34" y="connsiteY34"/>
                  </a:cxn>
                  <a:cxn ang="0">
                    <a:pos x="connsiteX35" y="connsiteY35"/>
                  </a:cxn>
                  <a:cxn ang="0">
                    <a:pos x="connsiteX36" y="connsiteY36"/>
                  </a:cxn>
                  <a:cxn ang="0">
                    <a:pos x="connsiteX37" y="connsiteY37"/>
                  </a:cxn>
                  <a:cxn ang="0">
                    <a:pos x="connsiteX38" y="connsiteY38"/>
                  </a:cxn>
                  <a:cxn ang="0">
                    <a:pos x="connsiteX39" y="connsiteY39"/>
                  </a:cxn>
                  <a:cxn ang="0">
                    <a:pos x="connsiteX40" y="connsiteY40"/>
                  </a:cxn>
                  <a:cxn ang="0">
                    <a:pos x="connsiteX41" y="connsiteY41"/>
                  </a:cxn>
                  <a:cxn ang="0">
                    <a:pos x="connsiteX42" y="connsiteY42"/>
                  </a:cxn>
                  <a:cxn ang="0">
                    <a:pos x="connsiteX43" y="connsiteY43"/>
                  </a:cxn>
                  <a:cxn ang="0">
                    <a:pos x="connsiteX44" y="connsiteY44"/>
                  </a:cxn>
                  <a:cxn ang="0">
                    <a:pos x="connsiteX45" y="connsiteY45"/>
                  </a:cxn>
                  <a:cxn ang="0">
                    <a:pos x="connsiteX46" y="connsiteY46"/>
                  </a:cxn>
                  <a:cxn ang="0">
                    <a:pos x="connsiteX47" y="connsiteY47"/>
                  </a:cxn>
                  <a:cxn ang="0">
                    <a:pos x="connsiteX48" y="connsiteY48"/>
                  </a:cxn>
                  <a:cxn ang="0">
                    <a:pos x="connsiteX49" y="connsiteY49"/>
                  </a:cxn>
                  <a:cxn ang="0">
                    <a:pos x="connsiteX50" y="connsiteY50"/>
                  </a:cxn>
                  <a:cxn ang="0">
                    <a:pos x="connsiteX51" y="connsiteY51"/>
                  </a:cxn>
                  <a:cxn ang="0">
                    <a:pos x="connsiteX52" y="connsiteY52"/>
                  </a:cxn>
                  <a:cxn ang="0">
                    <a:pos x="connsiteX53" y="connsiteY53"/>
                  </a:cxn>
                  <a:cxn ang="0">
                    <a:pos x="connsiteX54" y="connsiteY54"/>
                  </a:cxn>
                  <a:cxn ang="0">
                    <a:pos x="connsiteX55" y="connsiteY55"/>
                  </a:cxn>
                  <a:cxn ang="0">
                    <a:pos x="connsiteX56" y="connsiteY56"/>
                  </a:cxn>
                  <a:cxn ang="0">
                    <a:pos x="connsiteX57" y="connsiteY57"/>
                  </a:cxn>
                  <a:cxn ang="0">
                    <a:pos x="connsiteX58" y="connsiteY58"/>
                  </a:cxn>
                  <a:cxn ang="0">
                    <a:pos x="connsiteX59" y="connsiteY59"/>
                  </a:cxn>
                  <a:cxn ang="0">
                    <a:pos x="connsiteX60" y="connsiteY60"/>
                  </a:cxn>
                  <a:cxn ang="0">
                    <a:pos x="connsiteX61" y="connsiteY61"/>
                  </a:cxn>
                  <a:cxn ang="0">
                    <a:pos x="connsiteX62" y="connsiteY62"/>
                  </a:cxn>
                  <a:cxn ang="0">
                    <a:pos x="connsiteX63" y="connsiteY63"/>
                  </a:cxn>
                  <a:cxn ang="0">
                    <a:pos x="connsiteX64" y="connsiteY64"/>
                  </a:cxn>
                  <a:cxn ang="0">
                    <a:pos x="connsiteX65" y="connsiteY65"/>
                  </a:cxn>
                  <a:cxn ang="0">
                    <a:pos x="connsiteX66" y="connsiteY66"/>
                  </a:cxn>
                  <a:cxn ang="0">
                    <a:pos x="connsiteX67" y="connsiteY67"/>
                  </a:cxn>
                  <a:cxn ang="0">
                    <a:pos x="connsiteX68" y="connsiteY68"/>
                  </a:cxn>
                  <a:cxn ang="0">
                    <a:pos x="connsiteX69" y="connsiteY69"/>
                  </a:cxn>
                  <a:cxn ang="0">
                    <a:pos x="connsiteX70" y="connsiteY70"/>
                  </a:cxn>
                  <a:cxn ang="0">
                    <a:pos x="connsiteX71" y="connsiteY71"/>
                  </a:cxn>
                  <a:cxn ang="0">
                    <a:pos x="connsiteX72" y="connsiteY72"/>
                  </a:cxn>
                  <a:cxn ang="0">
                    <a:pos x="connsiteX73" y="connsiteY73"/>
                  </a:cxn>
                  <a:cxn ang="0">
                    <a:pos x="connsiteX74" y="connsiteY74"/>
                  </a:cxn>
                  <a:cxn ang="0">
                    <a:pos x="connsiteX75" y="connsiteY75"/>
                  </a:cxn>
                  <a:cxn ang="0">
                    <a:pos x="connsiteX76" y="connsiteY76"/>
                  </a:cxn>
                  <a:cxn ang="0">
                    <a:pos x="connsiteX77" y="connsiteY77"/>
                  </a:cxn>
                  <a:cxn ang="0">
                    <a:pos x="connsiteX78" y="connsiteY78"/>
                  </a:cxn>
                  <a:cxn ang="0">
                    <a:pos x="connsiteX79" y="connsiteY79"/>
                  </a:cxn>
                  <a:cxn ang="0">
                    <a:pos x="connsiteX80" y="connsiteY80"/>
                  </a:cxn>
                  <a:cxn ang="0">
                    <a:pos x="connsiteX81" y="connsiteY81"/>
                  </a:cxn>
                  <a:cxn ang="0">
                    <a:pos x="connsiteX82" y="connsiteY82"/>
                  </a:cxn>
                  <a:cxn ang="0">
                    <a:pos x="connsiteX83" y="connsiteY83"/>
                  </a:cxn>
                  <a:cxn ang="0">
                    <a:pos x="connsiteX84" y="connsiteY84"/>
                  </a:cxn>
                  <a:cxn ang="0">
                    <a:pos x="connsiteX85" y="connsiteY85"/>
                  </a:cxn>
                  <a:cxn ang="0">
                    <a:pos x="connsiteX86" y="connsiteY86"/>
                  </a:cxn>
                  <a:cxn ang="0">
                    <a:pos x="connsiteX87" y="connsiteY87"/>
                  </a:cxn>
                  <a:cxn ang="0">
                    <a:pos x="connsiteX88" y="connsiteY88"/>
                  </a:cxn>
                  <a:cxn ang="0">
                    <a:pos x="connsiteX89" y="connsiteY89"/>
                  </a:cxn>
                  <a:cxn ang="0">
                    <a:pos x="connsiteX90" y="connsiteY90"/>
                  </a:cxn>
                  <a:cxn ang="0">
                    <a:pos x="connsiteX91" y="connsiteY91"/>
                  </a:cxn>
                  <a:cxn ang="0">
                    <a:pos x="connsiteX92" y="connsiteY92"/>
                  </a:cxn>
                  <a:cxn ang="0">
                    <a:pos x="connsiteX93" y="connsiteY93"/>
                  </a:cxn>
                  <a:cxn ang="0">
                    <a:pos x="connsiteX94" y="connsiteY94"/>
                  </a:cxn>
                  <a:cxn ang="0">
                    <a:pos x="connsiteX95" y="connsiteY95"/>
                  </a:cxn>
                  <a:cxn ang="0">
                    <a:pos x="connsiteX96" y="connsiteY96"/>
                  </a:cxn>
                  <a:cxn ang="0">
                    <a:pos x="connsiteX97" y="connsiteY97"/>
                  </a:cxn>
                  <a:cxn ang="0">
                    <a:pos x="connsiteX98" y="connsiteY98"/>
                  </a:cxn>
                  <a:cxn ang="0">
                    <a:pos x="connsiteX99" y="connsiteY99"/>
                  </a:cxn>
                  <a:cxn ang="0">
                    <a:pos x="connsiteX100" y="connsiteY100"/>
                  </a:cxn>
                  <a:cxn ang="0">
                    <a:pos x="connsiteX101" y="connsiteY101"/>
                  </a:cxn>
                  <a:cxn ang="0">
                    <a:pos x="connsiteX102" y="connsiteY102"/>
                  </a:cxn>
                  <a:cxn ang="0">
                    <a:pos x="connsiteX103" y="connsiteY103"/>
                  </a:cxn>
                  <a:cxn ang="0">
                    <a:pos x="connsiteX104" y="connsiteY104"/>
                  </a:cxn>
                  <a:cxn ang="0">
                    <a:pos x="connsiteX105" y="connsiteY105"/>
                  </a:cxn>
                  <a:cxn ang="0">
                    <a:pos x="connsiteX106" y="connsiteY106"/>
                  </a:cxn>
                  <a:cxn ang="0">
                    <a:pos x="connsiteX107" y="connsiteY107"/>
                  </a:cxn>
                  <a:cxn ang="0">
                    <a:pos x="connsiteX108" y="connsiteY108"/>
                  </a:cxn>
                  <a:cxn ang="0">
                    <a:pos x="connsiteX109" y="connsiteY109"/>
                  </a:cxn>
                  <a:cxn ang="0">
                    <a:pos x="connsiteX110" y="connsiteY110"/>
                  </a:cxn>
                  <a:cxn ang="0">
                    <a:pos x="connsiteX111" y="connsiteY111"/>
                  </a:cxn>
                  <a:cxn ang="0">
                    <a:pos x="connsiteX112" y="connsiteY112"/>
                  </a:cxn>
                  <a:cxn ang="0">
                    <a:pos x="connsiteX113" y="connsiteY113"/>
                  </a:cxn>
                  <a:cxn ang="0">
                    <a:pos x="connsiteX114" y="connsiteY114"/>
                  </a:cxn>
                  <a:cxn ang="0">
                    <a:pos x="connsiteX115" y="connsiteY115"/>
                  </a:cxn>
                  <a:cxn ang="0">
                    <a:pos x="connsiteX116" y="connsiteY116"/>
                  </a:cxn>
                  <a:cxn ang="0">
                    <a:pos x="connsiteX117" y="connsiteY117"/>
                  </a:cxn>
                  <a:cxn ang="0">
                    <a:pos x="connsiteX118" y="connsiteY118"/>
                  </a:cxn>
                  <a:cxn ang="0">
                    <a:pos x="connsiteX119" y="connsiteY119"/>
                  </a:cxn>
                  <a:cxn ang="0">
                    <a:pos x="connsiteX120" y="connsiteY120"/>
                  </a:cxn>
                  <a:cxn ang="0">
                    <a:pos x="connsiteX121" y="connsiteY121"/>
                  </a:cxn>
                  <a:cxn ang="0">
                    <a:pos x="connsiteX122" y="connsiteY122"/>
                  </a:cxn>
                  <a:cxn ang="0">
                    <a:pos x="connsiteX123" y="connsiteY123"/>
                  </a:cxn>
                  <a:cxn ang="0">
                    <a:pos x="connsiteX124" y="connsiteY124"/>
                  </a:cxn>
                  <a:cxn ang="0">
                    <a:pos x="connsiteX125" y="connsiteY125"/>
                  </a:cxn>
                  <a:cxn ang="0">
                    <a:pos x="connsiteX126" y="connsiteY126"/>
                  </a:cxn>
                  <a:cxn ang="0">
                    <a:pos x="connsiteX127" y="connsiteY127"/>
                  </a:cxn>
                  <a:cxn ang="0">
                    <a:pos x="connsiteX128" y="connsiteY128"/>
                  </a:cxn>
                  <a:cxn ang="0">
                    <a:pos x="connsiteX129" y="connsiteY129"/>
                  </a:cxn>
                  <a:cxn ang="0">
                    <a:pos x="connsiteX130" y="connsiteY130"/>
                  </a:cxn>
                  <a:cxn ang="0">
                    <a:pos x="connsiteX131" y="connsiteY131"/>
                  </a:cxn>
                  <a:cxn ang="0">
                    <a:pos x="connsiteX132" y="connsiteY132"/>
                  </a:cxn>
                  <a:cxn ang="0">
                    <a:pos x="connsiteX133" y="connsiteY133"/>
                  </a:cxn>
                  <a:cxn ang="0">
                    <a:pos x="connsiteX134" y="connsiteY134"/>
                  </a:cxn>
                  <a:cxn ang="0">
                    <a:pos x="connsiteX135" y="connsiteY135"/>
                  </a:cxn>
                  <a:cxn ang="0">
                    <a:pos x="connsiteX136" y="connsiteY136"/>
                  </a:cxn>
                  <a:cxn ang="0">
                    <a:pos x="connsiteX137" y="connsiteY137"/>
                  </a:cxn>
                  <a:cxn ang="0">
                    <a:pos x="connsiteX138" y="connsiteY138"/>
                  </a:cxn>
                  <a:cxn ang="0">
                    <a:pos x="connsiteX139" y="connsiteY139"/>
                  </a:cxn>
                  <a:cxn ang="0">
                    <a:pos x="connsiteX140" y="connsiteY140"/>
                  </a:cxn>
                  <a:cxn ang="0">
                    <a:pos x="connsiteX141" y="connsiteY141"/>
                  </a:cxn>
                  <a:cxn ang="0">
                    <a:pos x="connsiteX142" y="connsiteY142"/>
                  </a:cxn>
                  <a:cxn ang="0">
                    <a:pos x="connsiteX143" y="connsiteY143"/>
                  </a:cxn>
                  <a:cxn ang="0">
                    <a:pos x="connsiteX144" y="connsiteY144"/>
                  </a:cxn>
                  <a:cxn ang="0">
                    <a:pos x="connsiteX145" y="connsiteY145"/>
                  </a:cxn>
                  <a:cxn ang="0">
                    <a:pos x="connsiteX146" y="connsiteY146"/>
                  </a:cxn>
                  <a:cxn ang="0">
                    <a:pos x="connsiteX147" y="connsiteY147"/>
                  </a:cxn>
                  <a:cxn ang="0">
                    <a:pos x="connsiteX148" y="connsiteY148"/>
                  </a:cxn>
                  <a:cxn ang="0">
                    <a:pos x="connsiteX149" y="connsiteY149"/>
                  </a:cxn>
                  <a:cxn ang="0">
                    <a:pos x="connsiteX150" y="connsiteY150"/>
                  </a:cxn>
                  <a:cxn ang="0">
                    <a:pos x="connsiteX151" y="connsiteY151"/>
                  </a:cxn>
                  <a:cxn ang="0">
                    <a:pos x="connsiteX152" y="connsiteY152"/>
                  </a:cxn>
                  <a:cxn ang="0">
                    <a:pos x="connsiteX153" y="connsiteY153"/>
                  </a:cxn>
                  <a:cxn ang="0">
                    <a:pos x="connsiteX154" y="connsiteY154"/>
                  </a:cxn>
                  <a:cxn ang="0">
                    <a:pos x="connsiteX155" y="connsiteY155"/>
                  </a:cxn>
                  <a:cxn ang="0">
                    <a:pos x="connsiteX156" y="connsiteY156"/>
                  </a:cxn>
                  <a:cxn ang="0">
                    <a:pos x="connsiteX157" y="connsiteY157"/>
                  </a:cxn>
                  <a:cxn ang="0">
                    <a:pos x="connsiteX158" y="connsiteY158"/>
                  </a:cxn>
                  <a:cxn ang="0">
                    <a:pos x="connsiteX159" y="connsiteY159"/>
                  </a:cxn>
                  <a:cxn ang="0">
                    <a:pos x="connsiteX160" y="connsiteY160"/>
                  </a:cxn>
                  <a:cxn ang="0">
                    <a:pos x="connsiteX161" y="connsiteY161"/>
                  </a:cxn>
                  <a:cxn ang="0">
                    <a:pos x="connsiteX162" y="connsiteY162"/>
                  </a:cxn>
                  <a:cxn ang="0">
                    <a:pos x="connsiteX163" y="connsiteY163"/>
                  </a:cxn>
                  <a:cxn ang="0">
                    <a:pos x="connsiteX164" y="connsiteY164"/>
                  </a:cxn>
                  <a:cxn ang="0">
                    <a:pos x="connsiteX165" y="connsiteY165"/>
                  </a:cxn>
                  <a:cxn ang="0">
                    <a:pos x="connsiteX166" y="connsiteY166"/>
                  </a:cxn>
                  <a:cxn ang="0">
                    <a:pos x="connsiteX167" y="connsiteY167"/>
                  </a:cxn>
                  <a:cxn ang="0">
                    <a:pos x="connsiteX168" y="connsiteY168"/>
                  </a:cxn>
                  <a:cxn ang="0">
                    <a:pos x="connsiteX169" y="connsiteY169"/>
                  </a:cxn>
                  <a:cxn ang="0">
                    <a:pos x="connsiteX170" y="connsiteY170"/>
                  </a:cxn>
                  <a:cxn ang="0">
                    <a:pos x="connsiteX171" y="connsiteY171"/>
                  </a:cxn>
                  <a:cxn ang="0">
                    <a:pos x="connsiteX172" y="connsiteY172"/>
                  </a:cxn>
                  <a:cxn ang="0">
                    <a:pos x="connsiteX173" y="connsiteY173"/>
                  </a:cxn>
                  <a:cxn ang="0">
                    <a:pos x="connsiteX174" y="connsiteY174"/>
                  </a:cxn>
                  <a:cxn ang="0">
                    <a:pos x="connsiteX175" y="connsiteY175"/>
                  </a:cxn>
                  <a:cxn ang="0">
                    <a:pos x="connsiteX176" y="connsiteY176"/>
                  </a:cxn>
                  <a:cxn ang="0">
                    <a:pos x="connsiteX177" y="connsiteY177"/>
                  </a:cxn>
                  <a:cxn ang="0">
                    <a:pos x="connsiteX178" y="connsiteY178"/>
                  </a:cxn>
                  <a:cxn ang="0">
                    <a:pos x="connsiteX179" y="connsiteY179"/>
                  </a:cxn>
                  <a:cxn ang="0">
                    <a:pos x="connsiteX180" y="connsiteY180"/>
                  </a:cxn>
                  <a:cxn ang="0">
                    <a:pos x="connsiteX181" y="connsiteY181"/>
                  </a:cxn>
                  <a:cxn ang="0">
                    <a:pos x="connsiteX182" y="connsiteY182"/>
                  </a:cxn>
                  <a:cxn ang="0">
                    <a:pos x="connsiteX183" y="connsiteY183"/>
                  </a:cxn>
                  <a:cxn ang="0">
                    <a:pos x="connsiteX184" y="connsiteY184"/>
                  </a:cxn>
                  <a:cxn ang="0">
                    <a:pos x="connsiteX185" y="connsiteY185"/>
                  </a:cxn>
                  <a:cxn ang="0">
                    <a:pos x="connsiteX186" y="connsiteY186"/>
                  </a:cxn>
                  <a:cxn ang="0">
                    <a:pos x="connsiteX187" y="connsiteY187"/>
                  </a:cxn>
                  <a:cxn ang="0">
                    <a:pos x="connsiteX188" y="connsiteY188"/>
                  </a:cxn>
                  <a:cxn ang="0">
                    <a:pos x="connsiteX189" y="connsiteY189"/>
                  </a:cxn>
                  <a:cxn ang="0">
                    <a:pos x="connsiteX190" y="connsiteY190"/>
                  </a:cxn>
                  <a:cxn ang="0">
                    <a:pos x="connsiteX191" y="connsiteY191"/>
                  </a:cxn>
                  <a:cxn ang="0">
                    <a:pos x="connsiteX192" y="connsiteY192"/>
                  </a:cxn>
                  <a:cxn ang="0">
                    <a:pos x="connsiteX193" y="connsiteY193"/>
                  </a:cxn>
                  <a:cxn ang="0">
                    <a:pos x="connsiteX194" y="connsiteY194"/>
                  </a:cxn>
                  <a:cxn ang="0">
                    <a:pos x="connsiteX195" y="connsiteY195"/>
                  </a:cxn>
                  <a:cxn ang="0">
                    <a:pos x="connsiteX196" y="connsiteY196"/>
                  </a:cxn>
                  <a:cxn ang="0">
                    <a:pos x="connsiteX197" y="connsiteY197"/>
                  </a:cxn>
                  <a:cxn ang="0">
                    <a:pos x="connsiteX198" y="connsiteY198"/>
                  </a:cxn>
                  <a:cxn ang="0">
                    <a:pos x="connsiteX199" y="connsiteY199"/>
                  </a:cxn>
                  <a:cxn ang="0">
                    <a:pos x="connsiteX200" y="connsiteY200"/>
                  </a:cxn>
                  <a:cxn ang="0">
                    <a:pos x="connsiteX201" y="connsiteY201"/>
                  </a:cxn>
                  <a:cxn ang="0">
                    <a:pos x="connsiteX202" y="connsiteY202"/>
                  </a:cxn>
                  <a:cxn ang="0">
                    <a:pos x="connsiteX203" y="connsiteY203"/>
                  </a:cxn>
                  <a:cxn ang="0">
                    <a:pos x="connsiteX204" y="connsiteY204"/>
                  </a:cxn>
                  <a:cxn ang="0">
                    <a:pos x="connsiteX205" y="connsiteY205"/>
                  </a:cxn>
                  <a:cxn ang="0">
                    <a:pos x="connsiteX206" y="connsiteY206"/>
                  </a:cxn>
                  <a:cxn ang="0">
                    <a:pos x="connsiteX207" y="connsiteY207"/>
                  </a:cxn>
                  <a:cxn ang="0">
                    <a:pos x="connsiteX208" y="connsiteY208"/>
                  </a:cxn>
                  <a:cxn ang="0">
                    <a:pos x="connsiteX209" y="connsiteY209"/>
                  </a:cxn>
                  <a:cxn ang="0">
                    <a:pos x="connsiteX210" y="connsiteY210"/>
                  </a:cxn>
                  <a:cxn ang="0">
                    <a:pos x="connsiteX211" y="connsiteY211"/>
                  </a:cxn>
                  <a:cxn ang="0">
                    <a:pos x="connsiteX212" y="connsiteY212"/>
                  </a:cxn>
                  <a:cxn ang="0">
                    <a:pos x="connsiteX213" y="connsiteY213"/>
                  </a:cxn>
                  <a:cxn ang="0">
                    <a:pos x="connsiteX214" y="connsiteY214"/>
                  </a:cxn>
                  <a:cxn ang="0">
                    <a:pos x="connsiteX215" y="connsiteY215"/>
                  </a:cxn>
                  <a:cxn ang="0">
                    <a:pos x="connsiteX216" y="connsiteY216"/>
                  </a:cxn>
                  <a:cxn ang="0">
                    <a:pos x="connsiteX217" y="connsiteY217"/>
                  </a:cxn>
                  <a:cxn ang="0">
                    <a:pos x="connsiteX218" y="connsiteY218"/>
                  </a:cxn>
                  <a:cxn ang="0">
                    <a:pos x="connsiteX219" y="connsiteY219"/>
                  </a:cxn>
                  <a:cxn ang="0">
                    <a:pos x="connsiteX220" y="connsiteY220"/>
                  </a:cxn>
                  <a:cxn ang="0">
                    <a:pos x="connsiteX221" y="connsiteY221"/>
                  </a:cxn>
                  <a:cxn ang="0">
                    <a:pos x="connsiteX222" y="connsiteY222"/>
                  </a:cxn>
                  <a:cxn ang="0">
                    <a:pos x="connsiteX223" y="connsiteY223"/>
                  </a:cxn>
                  <a:cxn ang="0">
                    <a:pos x="connsiteX224" y="connsiteY224"/>
                  </a:cxn>
                  <a:cxn ang="0">
                    <a:pos x="connsiteX225" y="connsiteY225"/>
                  </a:cxn>
                  <a:cxn ang="0">
                    <a:pos x="connsiteX226" y="connsiteY226"/>
                  </a:cxn>
                  <a:cxn ang="0">
                    <a:pos x="connsiteX227" y="connsiteY227"/>
                  </a:cxn>
                  <a:cxn ang="0">
                    <a:pos x="connsiteX228" y="connsiteY228"/>
                  </a:cxn>
                  <a:cxn ang="0">
                    <a:pos x="connsiteX229" y="connsiteY229"/>
                  </a:cxn>
                  <a:cxn ang="0">
                    <a:pos x="connsiteX230" y="connsiteY230"/>
                  </a:cxn>
                  <a:cxn ang="0">
                    <a:pos x="connsiteX231" y="connsiteY231"/>
                  </a:cxn>
                  <a:cxn ang="0">
                    <a:pos x="connsiteX232" y="connsiteY232"/>
                  </a:cxn>
                  <a:cxn ang="0">
                    <a:pos x="connsiteX233" y="connsiteY233"/>
                  </a:cxn>
                  <a:cxn ang="0">
                    <a:pos x="connsiteX234" y="connsiteY234"/>
                  </a:cxn>
                  <a:cxn ang="0">
                    <a:pos x="connsiteX235" y="connsiteY235"/>
                  </a:cxn>
                  <a:cxn ang="0">
                    <a:pos x="connsiteX236" y="connsiteY236"/>
                  </a:cxn>
                  <a:cxn ang="0">
                    <a:pos x="connsiteX237" y="connsiteY237"/>
                  </a:cxn>
                  <a:cxn ang="0">
                    <a:pos x="connsiteX238" y="connsiteY238"/>
                  </a:cxn>
                  <a:cxn ang="0">
                    <a:pos x="connsiteX239" y="connsiteY239"/>
                  </a:cxn>
                  <a:cxn ang="0">
                    <a:pos x="connsiteX240" y="connsiteY240"/>
                  </a:cxn>
                  <a:cxn ang="0">
                    <a:pos x="connsiteX241" y="connsiteY241"/>
                  </a:cxn>
                  <a:cxn ang="0">
                    <a:pos x="connsiteX242" y="connsiteY242"/>
                  </a:cxn>
                  <a:cxn ang="0">
                    <a:pos x="connsiteX243" y="connsiteY243"/>
                  </a:cxn>
                  <a:cxn ang="0">
                    <a:pos x="connsiteX244" y="connsiteY244"/>
                  </a:cxn>
                  <a:cxn ang="0">
                    <a:pos x="connsiteX245" y="connsiteY245"/>
                  </a:cxn>
                  <a:cxn ang="0">
                    <a:pos x="connsiteX246" y="connsiteY246"/>
                  </a:cxn>
                  <a:cxn ang="0">
                    <a:pos x="connsiteX247" y="connsiteY247"/>
                  </a:cxn>
                  <a:cxn ang="0">
                    <a:pos x="connsiteX248" y="connsiteY248"/>
                  </a:cxn>
                  <a:cxn ang="0">
                    <a:pos x="connsiteX249" y="connsiteY249"/>
                  </a:cxn>
                  <a:cxn ang="0">
                    <a:pos x="connsiteX250" y="connsiteY250"/>
                  </a:cxn>
                  <a:cxn ang="0">
                    <a:pos x="connsiteX251" y="connsiteY251"/>
                  </a:cxn>
                  <a:cxn ang="0">
                    <a:pos x="connsiteX252" y="connsiteY252"/>
                  </a:cxn>
                  <a:cxn ang="0">
                    <a:pos x="connsiteX253" y="connsiteY253"/>
                  </a:cxn>
                  <a:cxn ang="0">
                    <a:pos x="connsiteX254" y="connsiteY254"/>
                  </a:cxn>
                  <a:cxn ang="0">
                    <a:pos x="connsiteX255" y="connsiteY255"/>
                  </a:cxn>
                  <a:cxn ang="0">
                    <a:pos x="connsiteX256" y="connsiteY256"/>
                  </a:cxn>
                  <a:cxn ang="0">
                    <a:pos x="connsiteX257" y="connsiteY257"/>
                  </a:cxn>
                  <a:cxn ang="0">
                    <a:pos x="connsiteX258" y="connsiteY258"/>
                  </a:cxn>
                  <a:cxn ang="0">
                    <a:pos x="connsiteX259" y="connsiteY259"/>
                  </a:cxn>
                  <a:cxn ang="0">
                    <a:pos x="connsiteX260" y="connsiteY260"/>
                  </a:cxn>
                  <a:cxn ang="0">
                    <a:pos x="connsiteX261" y="connsiteY261"/>
                  </a:cxn>
                  <a:cxn ang="0">
                    <a:pos x="connsiteX262" y="connsiteY262"/>
                  </a:cxn>
                  <a:cxn ang="0">
                    <a:pos x="connsiteX263" y="connsiteY263"/>
                  </a:cxn>
                  <a:cxn ang="0">
                    <a:pos x="connsiteX264" y="connsiteY264"/>
                  </a:cxn>
                  <a:cxn ang="0">
                    <a:pos x="connsiteX265" y="connsiteY265"/>
                  </a:cxn>
                  <a:cxn ang="0">
                    <a:pos x="connsiteX266" y="connsiteY266"/>
                  </a:cxn>
                  <a:cxn ang="0">
                    <a:pos x="connsiteX267" y="connsiteY267"/>
                  </a:cxn>
                  <a:cxn ang="0">
                    <a:pos x="connsiteX268" y="connsiteY268"/>
                  </a:cxn>
                  <a:cxn ang="0">
                    <a:pos x="connsiteX269" y="connsiteY269"/>
                  </a:cxn>
                  <a:cxn ang="0">
                    <a:pos x="connsiteX270" y="connsiteY270"/>
                  </a:cxn>
                  <a:cxn ang="0">
                    <a:pos x="connsiteX271" y="connsiteY271"/>
                  </a:cxn>
                  <a:cxn ang="0">
                    <a:pos x="connsiteX272" y="connsiteY272"/>
                  </a:cxn>
                  <a:cxn ang="0">
                    <a:pos x="connsiteX273" y="connsiteY273"/>
                  </a:cxn>
                  <a:cxn ang="0">
                    <a:pos x="connsiteX274" y="connsiteY274"/>
                  </a:cxn>
                  <a:cxn ang="0">
                    <a:pos x="connsiteX275" y="connsiteY275"/>
                  </a:cxn>
                  <a:cxn ang="0">
                    <a:pos x="connsiteX276" y="connsiteY276"/>
                  </a:cxn>
                  <a:cxn ang="0">
                    <a:pos x="connsiteX277" y="connsiteY277"/>
                  </a:cxn>
                  <a:cxn ang="0">
                    <a:pos x="connsiteX278" y="connsiteY278"/>
                  </a:cxn>
                  <a:cxn ang="0">
                    <a:pos x="connsiteX279" y="connsiteY279"/>
                  </a:cxn>
                  <a:cxn ang="0">
                    <a:pos x="connsiteX280" y="connsiteY280"/>
                  </a:cxn>
                  <a:cxn ang="0">
                    <a:pos x="connsiteX281" y="connsiteY281"/>
                  </a:cxn>
                  <a:cxn ang="0">
                    <a:pos x="connsiteX282" y="connsiteY282"/>
                  </a:cxn>
                  <a:cxn ang="0">
                    <a:pos x="connsiteX283" y="connsiteY283"/>
                  </a:cxn>
                  <a:cxn ang="0">
                    <a:pos x="connsiteX284" y="connsiteY284"/>
                  </a:cxn>
                  <a:cxn ang="0">
                    <a:pos x="connsiteX285" y="connsiteY285"/>
                  </a:cxn>
                  <a:cxn ang="0">
                    <a:pos x="connsiteX286" y="connsiteY286"/>
                  </a:cxn>
                  <a:cxn ang="0">
                    <a:pos x="connsiteX287" y="connsiteY287"/>
                  </a:cxn>
                  <a:cxn ang="0">
                    <a:pos x="connsiteX288" y="connsiteY288"/>
                  </a:cxn>
                  <a:cxn ang="0">
                    <a:pos x="connsiteX289" y="connsiteY289"/>
                  </a:cxn>
                  <a:cxn ang="0">
                    <a:pos x="connsiteX290" y="connsiteY290"/>
                  </a:cxn>
                  <a:cxn ang="0">
                    <a:pos x="connsiteX291" y="connsiteY291"/>
                  </a:cxn>
                  <a:cxn ang="0">
                    <a:pos x="connsiteX292" y="connsiteY292"/>
                  </a:cxn>
                  <a:cxn ang="0">
                    <a:pos x="connsiteX293" y="connsiteY293"/>
                  </a:cxn>
                  <a:cxn ang="0">
                    <a:pos x="connsiteX294" y="connsiteY294"/>
                  </a:cxn>
                  <a:cxn ang="0">
                    <a:pos x="connsiteX295" y="connsiteY295"/>
                  </a:cxn>
                  <a:cxn ang="0">
                    <a:pos x="connsiteX296" y="connsiteY296"/>
                  </a:cxn>
                  <a:cxn ang="0">
                    <a:pos x="connsiteX297" y="connsiteY297"/>
                  </a:cxn>
                  <a:cxn ang="0">
                    <a:pos x="connsiteX298" y="connsiteY298"/>
                  </a:cxn>
                  <a:cxn ang="0">
                    <a:pos x="connsiteX299" y="connsiteY299"/>
                  </a:cxn>
                  <a:cxn ang="0">
                    <a:pos x="connsiteX300" y="connsiteY300"/>
                  </a:cxn>
                  <a:cxn ang="0">
                    <a:pos x="connsiteX301" y="connsiteY301"/>
                  </a:cxn>
                  <a:cxn ang="0">
                    <a:pos x="connsiteX302" y="connsiteY302"/>
                  </a:cxn>
                  <a:cxn ang="0">
                    <a:pos x="connsiteX303" y="connsiteY303"/>
                  </a:cxn>
                  <a:cxn ang="0">
                    <a:pos x="connsiteX304" y="connsiteY304"/>
                  </a:cxn>
                  <a:cxn ang="0">
                    <a:pos x="connsiteX305" y="connsiteY305"/>
                  </a:cxn>
                  <a:cxn ang="0">
                    <a:pos x="connsiteX306" y="connsiteY306"/>
                  </a:cxn>
                  <a:cxn ang="0">
                    <a:pos x="connsiteX307" y="connsiteY307"/>
                  </a:cxn>
                  <a:cxn ang="0">
                    <a:pos x="connsiteX308" y="connsiteY308"/>
                  </a:cxn>
                  <a:cxn ang="0">
                    <a:pos x="connsiteX309" y="connsiteY309"/>
                  </a:cxn>
                  <a:cxn ang="0">
                    <a:pos x="connsiteX310" y="connsiteY310"/>
                  </a:cxn>
                  <a:cxn ang="0">
                    <a:pos x="connsiteX311" y="connsiteY311"/>
                  </a:cxn>
                  <a:cxn ang="0">
                    <a:pos x="connsiteX312" y="connsiteY312"/>
                  </a:cxn>
                  <a:cxn ang="0">
                    <a:pos x="connsiteX313" y="connsiteY313"/>
                  </a:cxn>
                  <a:cxn ang="0">
                    <a:pos x="connsiteX314" y="connsiteY314"/>
                  </a:cxn>
                  <a:cxn ang="0">
                    <a:pos x="connsiteX315" y="connsiteY315"/>
                  </a:cxn>
                  <a:cxn ang="0">
                    <a:pos x="connsiteX316" y="connsiteY316"/>
                  </a:cxn>
                  <a:cxn ang="0">
                    <a:pos x="connsiteX317" y="connsiteY317"/>
                  </a:cxn>
                  <a:cxn ang="0">
                    <a:pos x="connsiteX318" y="connsiteY318"/>
                  </a:cxn>
                  <a:cxn ang="0">
                    <a:pos x="connsiteX319" y="connsiteY319"/>
                  </a:cxn>
                  <a:cxn ang="0">
                    <a:pos x="connsiteX320" y="connsiteY320"/>
                  </a:cxn>
                  <a:cxn ang="0">
                    <a:pos x="connsiteX321" y="connsiteY321"/>
                  </a:cxn>
                  <a:cxn ang="0">
                    <a:pos x="connsiteX322" y="connsiteY322"/>
                  </a:cxn>
                  <a:cxn ang="0">
                    <a:pos x="connsiteX323" y="connsiteY323"/>
                  </a:cxn>
                  <a:cxn ang="0">
                    <a:pos x="connsiteX324" y="connsiteY324"/>
                  </a:cxn>
                  <a:cxn ang="0">
                    <a:pos x="connsiteX325" y="connsiteY325"/>
                  </a:cxn>
                  <a:cxn ang="0">
                    <a:pos x="connsiteX326" y="connsiteY326"/>
                  </a:cxn>
                  <a:cxn ang="0">
                    <a:pos x="connsiteX327" y="connsiteY327"/>
                  </a:cxn>
                  <a:cxn ang="0">
                    <a:pos x="connsiteX328" y="connsiteY328"/>
                  </a:cxn>
                  <a:cxn ang="0">
                    <a:pos x="connsiteX329" y="connsiteY329"/>
                  </a:cxn>
                  <a:cxn ang="0">
                    <a:pos x="connsiteX330" y="connsiteY330"/>
                  </a:cxn>
                  <a:cxn ang="0">
                    <a:pos x="connsiteX331" y="connsiteY331"/>
                  </a:cxn>
                  <a:cxn ang="0">
                    <a:pos x="connsiteX332" y="connsiteY332"/>
                  </a:cxn>
                  <a:cxn ang="0">
                    <a:pos x="connsiteX333" y="connsiteY333"/>
                  </a:cxn>
                  <a:cxn ang="0">
                    <a:pos x="connsiteX334" y="connsiteY334"/>
                  </a:cxn>
                  <a:cxn ang="0">
                    <a:pos x="connsiteX335" y="connsiteY335"/>
                  </a:cxn>
                  <a:cxn ang="0">
                    <a:pos x="connsiteX336" y="connsiteY336"/>
                  </a:cxn>
                  <a:cxn ang="0">
                    <a:pos x="connsiteX337" y="connsiteY337"/>
                  </a:cxn>
                  <a:cxn ang="0">
                    <a:pos x="connsiteX338" y="connsiteY338"/>
                  </a:cxn>
                  <a:cxn ang="0">
                    <a:pos x="connsiteX339" y="connsiteY339"/>
                  </a:cxn>
                  <a:cxn ang="0">
                    <a:pos x="connsiteX340" y="connsiteY340"/>
                  </a:cxn>
                  <a:cxn ang="0">
                    <a:pos x="connsiteX341" y="connsiteY341"/>
                  </a:cxn>
                  <a:cxn ang="0">
                    <a:pos x="connsiteX342" y="connsiteY342"/>
                  </a:cxn>
                  <a:cxn ang="0">
                    <a:pos x="connsiteX343" y="connsiteY343"/>
                  </a:cxn>
                  <a:cxn ang="0">
                    <a:pos x="connsiteX344" y="connsiteY344"/>
                  </a:cxn>
                  <a:cxn ang="0">
                    <a:pos x="connsiteX345" y="connsiteY345"/>
                  </a:cxn>
                  <a:cxn ang="0">
                    <a:pos x="connsiteX346" y="connsiteY346"/>
                  </a:cxn>
                  <a:cxn ang="0">
                    <a:pos x="connsiteX347" y="connsiteY347"/>
                  </a:cxn>
                  <a:cxn ang="0">
                    <a:pos x="connsiteX348" y="connsiteY348"/>
                  </a:cxn>
                  <a:cxn ang="0">
                    <a:pos x="connsiteX349" y="connsiteY349"/>
                  </a:cxn>
                  <a:cxn ang="0">
                    <a:pos x="connsiteX350" y="connsiteY350"/>
                  </a:cxn>
                  <a:cxn ang="0">
                    <a:pos x="connsiteX351" y="connsiteY351"/>
                  </a:cxn>
                  <a:cxn ang="0">
                    <a:pos x="connsiteX352" y="connsiteY352"/>
                  </a:cxn>
                  <a:cxn ang="0">
                    <a:pos x="connsiteX353" y="connsiteY353"/>
                  </a:cxn>
                  <a:cxn ang="0">
                    <a:pos x="connsiteX354" y="connsiteY354"/>
                  </a:cxn>
                  <a:cxn ang="0">
                    <a:pos x="connsiteX355" y="connsiteY355"/>
                  </a:cxn>
                  <a:cxn ang="0">
                    <a:pos x="connsiteX356" y="connsiteY356"/>
                  </a:cxn>
                  <a:cxn ang="0">
                    <a:pos x="connsiteX357" y="connsiteY357"/>
                  </a:cxn>
                  <a:cxn ang="0">
                    <a:pos x="connsiteX358" y="connsiteY358"/>
                  </a:cxn>
                  <a:cxn ang="0">
                    <a:pos x="connsiteX359" y="connsiteY359"/>
                  </a:cxn>
                  <a:cxn ang="0">
                    <a:pos x="connsiteX360" y="connsiteY360"/>
                  </a:cxn>
                  <a:cxn ang="0">
                    <a:pos x="connsiteX361" y="connsiteY361"/>
                  </a:cxn>
                  <a:cxn ang="0">
                    <a:pos x="connsiteX362" y="connsiteY362"/>
                  </a:cxn>
                  <a:cxn ang="0">
                    <a:pos x="connsiteX363" y="connsiteY363"/>
                  </a:cxn>
                  <a:cxn ang="0">
                    <a:pos x="connsiteX364" y="connsiteY364"/>
                  </a:cxn>
                  <a:cxn ang="0">
                    <a:pos x="connsiteX365" y="connsiteY365"/>
                  </a:cxn>
                  <a:cxn ang="0">
                    <a:pos x="connsiteX366" y="connsiteY366"/>
                  </a:cxn>
                  <a:cxn ang="0">
                    <a:pos x="connsiteX367" y="connsiteY367"/>
                  </a:cxn>
                  <a:cxn ang="0">
                    <a:pos x="connsiteX368" y="connsiteY368"/>
                  </a:cxn>
                  <a:cxn ang="0">
                    <a:pos x="connsiteX369" y="connsiteY369"/>
                  </a:cxn>
                  <a:cxn ang="0">
                    <a:pos x="connsiteX370" y="connsiteY370"/>
                  </a:cxn>
                  <a:cxn ang="0">
                    <a:pos x="connsiteX371" y="connsiteY371"/>
                  </a:cxn>
                  <a:cxn ang="0">
                    <a:pos x="connsiteX372" y="connsiteY372"/>
                  </a:cxn>
                  <a:cxn ang="0">
                    <a:pos x="connsiteX373" y="connsiteY373"/>
                  </a:cxn>
                  <a:cxn ang="0">
                    <a:pos x="connsiteX374" y="connsiteY374"/>
                  </a:cxn>
                  <a:cxn ang="0">
                    <a:pos x="connsiteX375" y="connsiteY375"/>
                  </a:cxn>
                  <a:cxn ang="0">
                    <a:pos x="connsiteX376" y="connsiteY376"/>
                  </a:cxn>
                </a:cxnLst>
                <a:rect l="l" t="t" r="r" b="b"/>
                <a:pathLst>
                  <a:path w="714552" h="714551">
                    <a:moveTo>
                      <a:pt x="328118" y="655919"/>
                    </a:moveTo>
                    <a:lnTo>
                      <a:pt x="259850" y="673497"/>
                    </a:lnTo>
                    <a:lnTo>
                      <a:pt x="310612" y="685762"/>
                    </a:lnTo>
                    <a:cubicBezTo>
                      <a:pt x="352793" y="691715"/>
                      <a:pt x="395818" y="689517"/>
                      <a:pt x="437172" y="679297"/>
                    </a:cubicBezTo>
                    <a:lnTo>
                      <a:pt x="446149" y="676129"/>
                    </a:lnTo>
                    <a:lnTo>
                      <a:pt x="377337" y="671533"/>
                    </a:lnTo>
                    <a:close/>
                    <a:moveTo>
                      <a:pt x="220072" y="602681"/>
                    </a:moveTo>
                    <a:lnTo>
                      <a:pt x="171570" y="630428"/>
                    </a:lnTo>
                    <a:lnTo>
                      <a:pt x="189111" y="643321"/>
                    </a:lnTo>
                    <a:lnTo>
                      <a:pt x="229960" y="662222"/>
                    </a:lnTo>
                    <a:lnTo>
                      <a:pt x="295577" y="645328"/>
                    </a:lnTo>
                    <a:lnTo>
                      <a:pt x="224981" y="606740"/>
                    </a:lnTo>
                    <a:close/>
                    <a:moveTo>
                      <a:pt x="457428" y="594412"/>
                    </a:moveTo>
                    <a:lnTo>
                      <a:pt x="439487" y="606671"/>
                    </a:lnTo>
                    <a:lnTo>
                      <a:pt x="438432" y="611871"/>
                    </a:lnTo>
                    <a:cubicBezTo>
                      <a:pt x="428165" y="636034"/>
                      <a:pt x="404129" y="652989"/>
                      <a:pt x="376114" y="652989"/>
                    </a:cubicBezTo>
                    <a:lnTo>
                      <a:pt x="354792" y="648704"/>
                    </a:lnTo>
                    <a:lnTo>
                      <a:pt x="353229" y="649454"/>
                    </a:lnTo>
                    <a:lnTo>
                      <a:pt x="350275" y="650213"/>
                    </a:lnTo>
                    <a:lnTo>
                      <a:pt x="374823" y="658184"/>
                    </a:lnTo>
                    <a:cubicBezTo>
                      <a:pt x="402311" y="664064"/>
                      <a:pt x="429759" y="666944"/>
                      <a:pt x="456843" y="667043"/>
                    </a:cubicBezTo>
                    <a:lnTo>
                      <a:pt x="477710" y="664995"/>
                    </a:lnTo>
                    <a:lnTo>
                      <a:pt x="497638" y="657965"/>
                    </a:lnTo>
                    <a:cubicBezTo>
                      <a:pt x="517167" y="648859"/>
                      <a:pt x="535964" y="637764"/>
                      <a:pt x="553716" y="624695"/>
                    </a:cubicBezTo>
                    <a:lnTo>
                      <a:pt x="577663" y="603006"/>
                    </a:lnTo>
                    <a:lnTo>
                      <a:pt x="520293" y="603697"/>
                    </a:lnTo>
                    <a:close/>
                    <a:moveTo>
                      <a:pt x="316201" y="538143"/>
                    </a:moveTo>
                    <a:lnTo>
                      <a:pt x="275347" y="571060"/>
                    </a:lnTo>
                    <a:lnTo>
                      <a:pt x="231948" y="595887"/>
                    </a:lnTo>
                    <a:lnTo>
                      <a:pt x="296358" y="632709"/>
                    </a:lnTo>
                    <a:lnTo>
                      <a:pt x="317690" y="639634"/>
                    </a:lnTo>
                    <a:lnTo>
                      <a:pt x="332204" y="635897"/>
                    </a:lnTo>
                    <a:lnTo>
                      <a:pt x="328290" y="633270"/>
                    </a:lnTo>
                    <a:cubicBezTo>
                      <a:pt x="316051" y="621087"/>
                      <a:pt x="308481" y="604257"/>
                      <a:pt x="308481" y="585666"/>
                    </a:cubicBezTo>
                    <a:cubicBezTo>
                      <a:pt x="308481" y="576371"/>
                      <a:pt x="310374" y="567516"/>
                      <a:pt x="313796" y="559461"/>
                    </a:cubicBezTo>
                    <a:lnTo>
                      <a:pt x="324802" y="543212"/>
                    </a:lnTo>
                    <a:lnTo>
                      <a:pt x="319552" y="540630"/>
                    </a:lnTo>
                    <a:close/>
                    <a:moveTo>
                      <a:pt x="538682" y="526760"/>
                    </a:moveTo>
                    <a:lnTo>
                      <a:pt x="502253" y="563783"/>
                    </a:lnTo>
                    <a:lnTo>
                      <a:pt x="479974" y="579006"/>
                    </a:lnTo>
                    <a:lnTo>
                      <a:pt x="555317" y="582502"/>
                    </a:lnTo>
                    <a:lnTo>
                      <a:pt x="573402" y="580085"/>
                    </a:lnTo>
                    <a:close/>
                    <a:moveTo>
                      <a:pt x="130738" y="516300"/>
                    </a:moveTo>
                    <a:lnTo>
                      <a:pt x="107672" y="573385"/>
                    </a:lnTo>
                    <a:lnTo>
                      <a:pt x="134967" y="603521"/>
                    </a:lnTo>
                    <a:lnTo>
                      <a:pt x="155115" y="618332"/>
                    </a:lnTo>
                    <a:lnTo>
                      <a:pt x="156019" y="617950"/>
                    </a:lnTo>
                    <a:lnTo>
                      <a:pt x="204793" y="590049"/>
                    </a:lnTo>
                    <a:lnTo>
                      <a:pt x="163347" y="555778"/>
                    </a:lnTo>
                    <a:close/>
                    <a:moveTo>
                      <a:pt x="615643" y="493637"/>
                    </a:moveTo>
                    <a:lnTo>
                      <a:pt x="612283" y="495891"/>
                    </a:lnTo>
                    <a:cubicBezTo>
                      <a:pt x="604192" y="499298"/>
                      <a:pt x="595295" y="501182"/>
                      <a:pt x="585957" y="501182"/>
                    </a:cubicBezTo>
                    <a:lnTo>
                      <a:pt x="567500" y="497473"/>
                    </a:lnTo>
                    <a:lnTo>
                      <a:pt x="543971" y="521386"/>
                    </a:lnTo>
                    <a:lnTo>
                      <a:pt x="582269" y="578902"/>
                    </a:lnTo>
                    <a:lnTo>
                      <a:pt x="606394" y="575678"/>
                    </a:lnTo>
                    <a:lnTo>
                      <a:pt x="625800" y="549279"/>
                    </a:lnTo>
                    <a:lnTo>
                      <a:pt x="620151" y="508473"/>
                    </a:lnTo>
                    <a:close/>
                    <a:moveTo>
                      <a:pt x="201629" y="438704"/>
                    </a:moveTo>
                    <a:lnTo>
                      <a:pt x="192533" y="452135"/>
                    </a:lnTo>
                    <a:cubicBezTo>
                      <a:pt x="183487" y="461140"/>
                      <a:pt x="170989" y="466709"/>
                      <a:pt x="157185" y="466709"/>
                    </a:cubicBezTo>
                    <a:lnTo>
                      <a:pt x="154581" y="466186"/>
                    </a:lnTo>
                    <a:lnTo>
                      <a:pt x="141593" y="489433"/>
                    </a:lnTo>
                    <a:lnTo>
                      <a:pt x="136775" y="501359"/>
                    </a:lnTo>
                    <a:lnTo>
                      <a:pt x="167148" y="540728"/>
                    </a:lnTo>
                    <a:lnTo>
                      <a:pt x="216087" y="583587"/>
                    </a:lnTo>
                    <a:lnTo>
                      <a:pt x="268827" y="553416"/>
                    </a:lnTo>
                    <a:lnTo>
                      <a:pt x="301409" y="527166"/>
                    </a:lnTo>
                    <a:lnTo>
                      <a:pt x="239295" y="481073"/>
                    </a:lnTo>
                    <a:close/>
                    <a:moveTo>
                      <a:pt x="75148" y="424623"/>
                    </a:moveTo>
                    <a:lnTo>
                      <a:pt x="68128" y="517092"/>
                    </a:lnTo>
                    <a:lnTo>
                      <a:pt x="89856" y="553715"/>
                    </a:lnTo>
                    <a:lnTo>
                      <a:pt x="93201" y="557408"/>
                    </a:lnTo>
                    <a:lnTo>
                      <a:pt x="100678" y="537022"/>
                    </a:lnTo>
                    <a:lnTo>
                      <a:pt x="117560" y="500348"/>
                    </a:lnTo>
                    <a:lnTo>
                      <a:pt x="113149" y="495007"/>
                    </a:lnTo>
                    <a:cubicBezTo>
                      <a:pt x="98468" y="473330"/>
                      <a:pt x="85909" y="450339"/>
                      <a:pt x="75692" y="426356"/>
                    </a:cubicBezTo>
                    <a:close/>
                    <a:moveTo>
                      <a:pt x="453263" y="411388"/>
                    </a:moveTo>
                    <a:lnTo>
                      <a:pt x="389873" y="478786"/>
                    </a:lnTo>
                    <a:lnTo>
                      <a:pt x="328297" y="528399"/>
                    </a:lnTo>
                    <a:lnTo>
                      <a:pt x="331685" y="530813"/>
                    </a:lnTo>
                    <a:lnTo>
                      <a:pt x="336204" y="532751"/>
                    </a:lnTo>
                    <a:lnTo>
                      <a:pt x="349788" y="523634"/>
                    </a:lnTo>
                    <a:cubicBezTo>
                      <a:pt x="357880" y="520227"/>
                      <a:pt x="366776" y="518343"/>
                      <a:pt x="376114" y="518343"/>
                    </a:cubicBezTo>
                    <a:cubicBezTo>
                      <a:pt x="404129" y="518343"/>
                      <a:pt x="428165" y="535298"/>
                      <a:pt x="438432" y="559461"/>
                    </a:cubicBezTo>
                    <a:lnTo>
                      <a:pt x="440604" y="570167"/>
                    </a:lnTo>
                    <a:lnTo>
                      <a:pt x="454963" y="573453"/>
                    </a:lnTo>
                    <a:lnTo>
                      <a:pt x="488068" y="550832"/>
                    </a:lnTo>
                    <a:lnTo>
                      <a:pt x="527959" y="510293"/>
                    </a:lnTo>
                    <a:lnTo>
                      <a:pt x="504045" y="473567"/>
                    </a:lnTo>
                    <a:close/>
                    <a:moveTo>
                      <a:pt x="651346" y="349532"/>
                    </a:moveTo>
                    <a:lnTo>
                      <a:pt x="643454" y="380614"/>
                    </a:lnTo>
                    <a:lnTo>
                      <a:pt x="637207" y="391313"/>
                    </a:lnTo>
                    <a:lnTo>
                      <a:pt x="648275" y="407654"/>
                    </a:lnTo>
                    <a:cubicBezTo>
                      <a:pt x="651698" y="415709"/>
                      <a:pt x="653590" y="424564"/>
                      <a:pt x="653590" y="433859"/>
                    </a:cubicBezTo>
                    <a:cubicBezTo>
                      <a:pt x="653590" y="452450"/>
                      <a:pt x="646020" y="469280"/>
                      <a:pt x="633781" y="481464"/>
                    </a:cubicBezTo>
                    <a:lnTo>
                      <a:pt x="624550" y="487659"/>
                    </a:lnTo>
                    <a:lnTo>
                      <a:pt x="638611" y="531850"/>
                    </a:lnTo>
                    <a:lnTo>
                      <a:pt x="643322" y="525441"/>
                    </a:lnTo>
                    <a:lnTo>
                      <a:pt x="659115" y="491310"/>
                    </a:lnTo>
                    <a:lnTo>
                      <a:pt x="663936" y="445312"/>
                    </a:lnTo>
                    <a:cubicBezTo>
                      <a:pt x="663838" y="415662"/>
                      <a:pt x="660529" y="386032"/>
                      <a:pt x="653947" y="356979"/>
                    </a:cubicBezTo>
                    <a:close/>
                    <a:moveTo>
                      <a:pt x="524331" y="319279"/>
                    </a:moveTo>
                    <a:lnTo>
                      <a:pt x="471043" y="392481"/>
                    </a:lnTo>
                    <a:lnTo>
                      <a:pt x="458035" y="406314"/>
                    </a:lnTo>
                    <a:lnTo>
                      <a:pt x="506980" y="465833"/>
                    </a:lnTo>
                    <a:lnTo>
                      <a:pt x="533103" y="505065"/>
                    </a:lnTo>
                    <a:lnTo>
                      <a:pt x="549090" y="488817"/>
                    </a:lnTo>
                    <a:lnTo>
                      <a:pt x="538133" y="481464"/>
                    </a:lnTo>
                    <a:cubicBezTo>
                      <a:pt x="525894" y="469280"/>
                      <a:pt x="518324" y="452450"/>
                      <a:pt x="518324" y="433859"/>
                    </a:cubicBezTo>
                    <a:cubicBezTo>
                      <a:pt x="518324" y="405973"/>
                      <a:pt x="535357" y="382047"/>
                      <a:pt x="559631" y="371827"/>
                    </a:cubicBezTo>
                    <a:lnTo>
                      <a:pt x="567027" y="370340"/>
                    </a:lnTo>
                    <a:lnTo>
                      <a:pt x="561361" y="358622"/>
                    </a:lnTo>
                    <a:lnTo>
                      <a:pt x="534247" y="319439"/>
                    </a:lnTo>
                    <a:lnTo>
                      <a:pt x="529686" y="320355"/>
                    </a:lnTo>
                    <a:close/>
                    <a:moveTo>
                      <a:pt x="114964" y="291459"/>
                    </a:moveTo>
                    <a:lnTo>
                      <a:pt x="100667" y="319901"/>
                    </a:lnTo>
                    <a:lnTo>
                      <a:pt x="78819" y="391679"/>
                    </a:lnTo>
                    <a:lnTo>
                      <a:pt x="83230" y="407279"/>
                    </a:lnTo>
                    <a:cubicBezTo>
                      <a:pt x="92886" y="432094"/>
                      <a:pt x="104846" y="455841"/>
                      <a:pt x="118903" y="478193"/>
                    </a:cubicBezTo>
                    <a:lnTo>
                      <a:pt x="124449" y="485383"/>
                    </a:lnTo>
                    <a:lnTo>
                      <a:pt x="135525" y="461320"/>
                    </a:lnTo>
                    <a:lnTo>
                      <a:pt x="121838" y="452135"/>
                    </a:lnTo>
                    <a:cubicBezTo>
                      <a:pt x="112792" y="443130"/>
                      <a:pt x="107196" y="430690"/>
                      <a:pt x="107196" y="416949"/>
                    </a:cubicBezTo>
                    <a:cubicBezTo>
                      <a:pt x="107196" y="396338"/>
                      <a:pt x="119786" y="378653"/>
                      <a:pt x="137727" y="371099"/>
                    </a:cubicBezTo>
                    <a:lnTo>
                      <a:pt x="151152" y="368402"/>
                    </a:lnTo>
                    <a:lnTo>
                      <a:pt x="125200" y="323068"/>
                    </a:lnTo>
                    <a:close/>
                    <a:moveTo>
                      <a:pt x="304082" y="255373"/>
                    </a:moveTo>
                    <a:lnTo>
                      <a:pt x="252096" y="313710"/>
                    </a:lnTo>
                    <a:lnTo>
                      <a:pt x="197735" y="389444"/>
                    </a:lnTo>
                    <a:lnTo>
                      <a:pt x="203246" y="397580"/>
                    </a:lnTo>
                    <a:cubicBezTo>
                      <a:pt x="205775" y="403533"/>
                      <a:pt x="207174" y="410079"/>
                      <a:pt x="207174" y="416949"/>
                    </a:cubicBezTo>
                    <a:lnTo>
                      <a:pt x="205611" y="424658"/>
                    </a:lnTo>
                    <a:lnTo>
                      <a:pt x="243671" y="468093"/>
                    </a:lnTo>
                    <a:lnTo>
                      <a:pt x="313217" y="517652"/>
                    </a:lnTo>
                    <a:lnTo>
                      <a:pt x="377623" y="465761"/>
                    </a:lnTo>
                    <a:cubicBezTo>
                      <a:pt x="398646" y="445987"/>
                      <a:pt x="418382" y="425593"/>
                      <a:pt x="436779" y="404754"/>
                    </a:cubicBezTo>
                    <a:lnTo>
                      <a:pt x="442266" y="397923"/>
                    </a:lnTo>
                    <a:lnTo>
                      <a:pt x="412554" y="361545"/>
                    </a:lnTo>
                    <a:lnTo>
                      <a:pt x="401880" y="350583"/>
                    </a:lnTo>
                    <a:lnTo>
                      <a:pt x="398709" y="358202"/>
                    </a:lnTo>
                    <a:cubicBezTo>
                      <a:pt x="391007" y="365869"/>
                      <a:pt x="380366" y="370611"/>
                      <a:pt x="368613" y="370611"/>
                    </a:cubicBezTo>
                    <a:cubicBezTo>
                      <a:pt x="345107" y="370611"/>
                      <a:pt x="326051" y="351643"/>
                      <a:pt x="326051" y="328244"/>
                    </a:cubicBezTo>
                    <a:cubicBezTo>
                      <a:pt x="326051" y="316545"/>
                      <a:pt x="330815" y="305953"/>
                      <a:pt x="338518" y="298286"/>
                    </a:cubicBezTo>
                    <a:lnTo>
                      <a:pt x="347393" y="294627"/>
                    </a:lnTo>
                    <a:lnTo>
                      <a:pt x="341132" y="288197"/>
                    </a:lnTo>
                    <a:close/>
                    <a:moveTo>
                      <a:pt x="667370" y="243573"/>
                    </a:moveTo>
                    <a:lnTo>
                      <a:pt x="669797" y="276858"/>
                    </a:lnTo>
                    <a:lnTo>
                      <a:pt x="657009" y="327228"/>
                    </a:lnTo>
                    <a:lnTo>
                      <a:pt x="664540" y="347419"/>
                    </a:lnTo>
                    <a:cubicBezTo>
                      <a:pt x="671983" y="376655"/>
                      <a:pt x="676218" y="406357"/>
                      <a:pt x="677292" y="435974"/>
                    </a:cubicBezTo>
                    <a:lnTo>
                      <a:pt x="676990" y="440247"/>
                    </a:lnTo>
                    <a:lnTo>
                      <a:pt x="685763" y="403940"/>
                    </a:lnTo>
                    <a:cubicBezTo>
                      <a:pt x="691716" y="361759"/>
                      <a:pt x="689518" y="318734"/>
                      <a:pt x="679297" y="277380"/>
                    </a:cubicBezTo>
                    <a:close/>
                    <a:moveTo>
                      <a:pt x="47768" y="239816"/>
                    </a:moveTo>
                    <a:lnTo>
                      <a:pt x="43849" y="248286"/>
                    </a:lnTo>
                    <a:cubicBezTo>
                      <a:pt x="22645" y="309351"/>
                      <a:pt x="19924" y="375139"/>
                      <a:pt x="35255" y="437171"/>
                    </a:cubicBezTo>
                    <a:lnTo>
                      <a:pt x="50922" y="481583"/>
                    </a:lnTo>
                    <a:lnTo>
                      <a:pt x="57677" y="392611"/>
                    </a:lnTo>
                    <a:lnTo>
                      <a:pt x="61334" y="380598"/>
                    </a:lnTo>
                    <a:lnTo>
                      <a:pt x="52281" y="351749"/>
                    </a:lnTo>
                    <a:cubicBezTo>
                      <a:pt x="46964" y="326101"/>
                      <a:pt x="44205" y="299783"/>
                      <a:pt x="44222" y="273115"/>
                    </a:cubicBezTo>
                    <a:close/>
                    <a:moveTo>
                      <a:pt x="585900" y="211697"/>
                    </a:moveTo>
                    <a:lnTo>
                      <a:pt x="569482" y="241976"/>
                    </a:lnTo>
                    <a:lnTo>
                      <a:pt x="575747" y="251226"/>
                    </a:lnTo>
                    <a:cubicBezTo>
                      <a:pt x="578276" y="257179"/>
                      <a:pt x="579675" y="263725"/>
                      <a:pt x="579675" y="270595"/>
                    </a:cubicBezTo>
                    <a:cubicBezTo>
                      <a:pt x="579675" y="291207"/>
                      <a:pt x="567086" y="308891"/>
                      <a:pt x="549144" y="316445"/>
                    </a:cubicBezTo>
                    <a:lnTo>
                      <a:pt x="547889" y="316697"/>
                    </a:lnTo>
                    <a:lnTo>
                      <a:pt x="562398" y="336996"/>
                    </a:lnTo>
                    <a:lnTo>
                      <a:pt x="579134" y="367907"/>
                    </a:lnTo>
                    <a:lnTo>
                      <a:pt x="585957" y="366536"/>
                    </a:lnTo>
                    <a:cubicBezTo>
                      <a:pt x="595295" y="366536"/>
                      <a:pt x="604192" y="368420"/>
                      <a:pt x="612283" y="371827"/>
                    </a:cubicBezTo>
                    <a:lnTo>
                      <a:pt x="621509" y="378019"/>
                    </a:lnTo>
                    <a:lnTo>
                      <a:pt x="622202" y="376832"/>
                    </a:lnTo>
                    <a:lnTo>
                      <a:pt x="638486" y="312699"/>
                    </a:lnTo>
                    <a:lnTo>
                      <a:pt x="624308" y="272094"/>
                    </a:lnTo>
                    <a:close/>
                    <a:moveTo>
                      <a:pt x="388134" y="179850"/>
                    </a:moveTo>
                    <a:lnTo>
                      <a:pt x="376939" y="187786"/>
                    </a:lnTo>
                    <a:cubicBezTo>
                      <a:pt x="355091" y="205319"/>
                      <a:pt x="333606" y="224655"/>
                      <a:pt x="312720" y="245682"/>
                    </a:cubicBezTo>
                    <a:lnTo>
                      <a:pt x="309775" y="248985"/>
                    </a:lnTo>
                    <a:lnTo>
                      <a:pt x="339714" y="275893"/>
                    </a:lnTo>
                    <a:lnTo>
                      <a:pt x="354878" y="291540"/>
                    </a:lnTo>
                    <a:lnTo>
                      <a:pt x="368613" y="285877"/>
                    </a:lnTo>
                    <a:cubicBezTo>
                      <a:pt x="392119" y="285877"/>
                      <a:pt x="411175" y="304845"/>
                      <a:pt x="411175" y="328244"/>
                    </a:cubicBezTo>
                    <a:lnTo>
                      <a:pt x="404950" y="343205"/>
                    </a:lnTo>
                    <a:lnTo>
                      <a:pt x="412779" y="351283"/>
                    </a:lnTo>
                    <a:lnTo>
                      <a:pt x="446647" y="392467"/>
                    </a:lnTo>
                    <a:lnTo>
                      <a:pt x="487912" y="341085"/>
                    </a:lnTo>
                    <a:lnTo>
                      <a:pt x="504608" y="312673"/>
                    </a:lnTo>
                    <a:lnTo>
                      <a:pt x="494339" y="305781"/>
                    </a:lnTo>
                    <a:cubicBezTo>
                      <a:pt x="485292" y="296776"/>
                      <a:pt x="479697" y="284336"/>
                      <a:pt x="479697" y="270595"/>
                    </a:cubicBezTo>
                    <a:lnTo>
                      <a:pt x="482182" y="258345"/>
                    </a:lnTo>
                    <a:lnTo>
                      <a:pt x="427474" y="204358"/>
                    </a:lnTo>
                    <a:close/>
                    <a:moveTo>
                      <a:pt x="199223" y="171542"/>
                    </a:moveTo>
                    <a:lnTo>
                      <a:pt x="135497" y="250607"/>
                    </a:lnTo>
                    <a:lnTo>
                      <a:pt x="123377" y="274720"/>
                    </a:lnTo>
                    <a:lnTo>
                      <a:pt x="134248" y="312031"/>
                    </a:lnTo>
                    <a:lnTo>
                      <a:pt x="165241" y="368808"/>
                    </a:lnTo>
                    <a:lnTo>
                      <a:pt x="176643" y="371099"/>
                    </a:lnTo>
                    <a:lnTo>
                      <a:pt x="184928" y="376660"/>
                    </a:lnTo>
                    <a:lnTo>
                      <a:pt x="239979" y="299965"/>
                    </a:lnTo>
                    <a:lnTo>
                      <a:pt x="290467" y="243311"/>
                    </a:lnTo>
                    <a:lnTo>
                      <a:pt x="268528" y="223873"/>
                    </a:lnTo>
                    <a:lnTo>
                      <a:pt x="248270" y="208577"/>
                    </a:lnTo>
                    <a:lnTo>
                      <a:pt x="241838" y="207284"/>
                    </a:lnTo>
                    <a:cubicBezTo>
                      <a:pt x="233747" y="203878"/>
                      <a:pt x="226460" y="198948"/>
                      <a:pt x="220340" y="192856"/>
                    </a:cubicBezTo>
                    <a:lnTo>
                      <a:pt x="212897" y="181866"/>
                    </a:lnTo>
                    <a:close/>
                    <a:moveTo>
                      <a:pt x="89292" y="164538"/>
                    </a:moveTo>
                    <a:lnTo>
                      <a:pt x="71230" y="189109"/>
                    </a:lnTo>
                    <a:lnTo>
                      <a:pt x="58082" y="217524"/>
                    </a:lnTo>
                    <a:lnTo>
                      <a:pt x="54597" y="248257"/>
                    </a:lnTo>
                    <a:cubicBezTo>
                      <a:pt x="54207" y="276009"/>
                      <a:pt x="56536" y="303358"/>
                      <a:pt x="61377" y="329972"/>
                    </a:cubicBezTo>
                    <a:lnTo>
                      <a:pt x="68776" y="356146"/>
                    </a:lnTo>
                    <a:lnTo>
                      <a:pt x="82317" y="311660"/>
                    </a:lnTo>
                    <a:lnTo>
                      <a:pt x="106151" y="264244"/>
                    </a:lnTo>
                    <a:lnTo>
                      <a:pt x="96528" y="234535"/>
                    </a:lnTo>
                    <a:close/>
                    <a:moveTo>
                      <a:pt x="335438" y="147023"/>
                    </a:moveTo>
                    <a:lnTo>
                      <a:pt x="330482" y="171457"/>
                    </a:lnTo>
                    <a:cubicBezTo>
                      <a:pt x="323638" y="187566"/>
                      <a:pt x="310673" y="200471"/>
                      <a:pt x="294490" y="207284"/>
                    </a:cubicBezTo>
                    <a:lnTo>
                      <a:pt x="269065" y="212394"/>
                    </a:lnTo>
                    <a:lnTo>
                      <a:pt x="296247" y="236824"/>
                    </a:lnTo>
                    <a:lnTo>
                      <a:pt x="303795" y="228353"/>
                    </a:lnTo>
                    <a:lnTo>
                      <a:pt x="370075" y="168602"/>
                    </a:lnTo>
                    <a:close/>
                    <a:moveTo>
                      <a:pt x="610571" y="145240"/>
                    </a:moveTo>
                    <a:lnTo>
                      <a:pt x="591321" y="197895"/>
                    </a:lnTo>
                    <a:lnTo>
                      <a:pt x="632549" y="261660"/>
                    </a:lnTo>
                    <a:lnTo>
                      <a:pt x="643791" y="291798"/>
                    </a:lnTo>
                    <a:lnTo>
                      <a:pt x="647227" y="278269"/>
                    </a:lnTo>
                    <a:lnTo>
                      <a:pt x="640623" y="187681"/>
                    </a:lnTo>
                    <a:lnTo>
                      <a:pt x="624696" y="160835"/>
                    </a:lnTo>
                    <a:close/>
                    <a:moveTo>
                      <a:pt x="123273" y="123877"/>
                    </a:moveTo>
                    <a:lnTo>
                      <a:pt x="111030" y="134966"/>
                    </a:lnTo>
                    <a:lnTo>
                      <a:pt x="103045" y="145830"/>
                    </a:lnTo>
                    <a:lnTo>
                      <a:pt x="108418" y="223381"/>
                    </a:lnTo>
                    <a:lnTo>
                      <a:pt x="115123" y="246394"/>
                    </a:lnTo>
                    <a:lnTo>
                      <a:pt x="118983" y="238715"/>
                    </a:lnTo>
                    <a:cubicBezTo>
                      <a:pt x="129518" y="221576"/>
                      <a:pt x="141031" y="205298"/>
                      <a:pt x="153408" y="189961"/>
                    </a:cubicBezTo>
                    <a:lnTo>
                      <a:pt x="181108" y="159818"/>
                    </a:lnTo>
                    <a:lnTo>
                      <a:pt x="125841" y="125213"/>
                    </a:lnTo>
                    <a:close/>
                    <a:moveTo>
                      <a:pt x="491029" y="116871"/>
                    </a:moveTo>
                    <a:lnTo>
                      <a:pt x="443339" y="140715"/>
                    </a:lnTo>
                    <a:lnTo>
                      <a:pt x="402963" y="169337"/>
                    </a:lnTo>
                    <a:lnTo>
                      <a:pt x="450243" y="204546"/>
                    </a:lnTo>
                    <a:lnTo>
                      <a:pt x="488338" y="244269"/>
                    </a:lnTo>
                    <a:lnTo>
                      <a:pt x="494339" y="235409"/>
                    </a:lnTo>
                    <a:cubicBezTo>
                      <a:pt x="503385" y="226405"/>
                      <a:pt x="515882" y="220835"/>
                      <a:pt x="529686" y="220835"/>
                    </a:cubicBezTo>
                    <a:cubicBezTo>
                      <a:pt x="536588" y="220835"/>
                      <a:pt x="543164" y="222227"/>
                      <a:pt x="549144" y="224745"/>
                    </a:cubicBezTo>
                    <a:lnTo>
                      <a:pt x="554261" y="228179"/>
                    </a:lnTo>
                    <a:lnTo>
                      <a:pt x="564930" y="210023"/>
                    </a:lnTo>
                    <a:lnTo>
                      <a:pt x="571873" y="191034"/>
                    </a:lnTo>
                    <a:lnTo>
                      <a:pt x="535575" y="152338"/>
                    </a:lnTo>
                    <a:cubicBezTo>
                      <a:pt x="521766" y="139583"/>
                      <a:pt x="507209" y="127955"/>
                      <a:pt x="492030" y="117465"/>
                    </a:cubicBezTo>
                    <a:close/>
                    <a:moveTo>
                      <a:pt x="149397" y="100216"/>
                    </a:moveTo>
                    <a:lnTo>
                      <a:pt x="133681" y="114451"/>
                    </a:lnTo>
                    <a:lnTo>
                      <a:pt x="189461" y="150730"/>
                    </a:lnTo>
                    <a:lnTo>
                      <a:pt x="193017" y="146860"/>
                    </a:lnTo>
                    <a:lnTo>
                      <a:pt x="201456" y="140692"/>
                    </a:lnTo>
                    <a:lnTo>
                      <a:pt x="205846" y="119047"/>
                    </a:lnTo>
                    <a:lnTo>
                      <a:pt x="214270" y="106610"/>
                    </a:lnTo>
                    <a:close/>
                    <a:moveTo>
                      <a:pt x="551006" y="90021"/>
                    </a:moveTo>
                    <a:lnTo>
                      <a:pt x="532814" y="95982"/>
                    </a:lnTo>
                    <a:lnTo>
                      <a:pt x="504524" y="110125"/>
                    </a:lnTo>
                    <a:lnTo>
                      <a:pt x="529575" y="128577"/>
                    </a:lnTo>
                    <a:lnTo>
                      <a:pt x="576789" y="177584"/>
                    </a:lnTo>
                    <a:lnTo>
                      <a:pt x="594929" y="127970"/>
                    </a:lnTo>
                    <a:lnTo>
                      <a:pt x="579586" y="111030"/>
                    </a:lnTo>
                    <a:close/>
                    <a:moveTo>
                      <a:pt x="383383" y="66055"/>
                    </a:moveTo>
                    <a:lnTo>
                      <a:pt x="309627" y="93378"/>
                    </a:lnTo>
                    <a:lnTo>
                      <a:pt x="315988" y="97648"/>
                    </a:lnTo>
                    <a:cubicBezTo>
                      <a:pt x="322108" y="103739"/>
                      <a:pt x="327060" y="110993"/>
                      <a:pt x="330482" y="119047"/>
                    </a:cubicBezTo>
                    <a:lnTo>
                      <a:pt x="331969" y="126377"/>
                    </a:lnTo>
                    <a:lnTo>
                      <a:pt x="374074" y="147823"/>
                    </a:lnTo>
                    <a:lnTo>
                      <a:pt x="386244" y="156886"/>
                    </a:lnTo>
                    <a:lnTo>
                      <a:pt x="441299" y="117856"/>
                    </a:lnTo>
                    <a:lnTo>
                      <a:pt x="469184" y="103915"/>
                    </a:lnTo>
                    <a:lnTo>
                      <a:pt x="444756" y="89425"/>
                    </a:lnTo>
                    <a:cubicBezTo>
                      <a:pt x="428460" y="81224"/>
                      <a:pt x="411670" y="74174"/>
                      <a:pt x="394511" y="68285"/>
                    </a:cubicBezTo>
                    <a:close/>
                    <a:moveTo>
                      <a:pt x="494347" y="56841"/>
                    </a:moveTo>
                    <a:lnTo>
                      <a:pt x="422186" y="60928"/>
                    </a:lnTo>
                    <a:lnTo>
                      <a:pt x="471636" y="85897"/>
                    </a:lnTo>
                    <a:lnTo>
                      <a:pt x="485214" y="95900"/>
                    </a:lnTo>
                    <a:lnTo>
                      <a:pt x="529133" y="73942"/>
                    </a:lnTo>
                    <a:lnTo>
                      <a:pt x="525442" y="71229"/>
                    </a:lnTo>
                    <a:close/>
                    <a:moveTo>
                      <a:pt x="288153" y="46979"/>
                    </a:moveTo>
                    <a:lnTo>
                      <a:pt x="234166" y="50500"/>
                    </a:lnTo>
                    <a:lnTo>
                      <a:pt x="216915" y="56586"/>
                    </a:lnTo>
                    <a:lnTo>
                      <a:pt x="182785" y="76834"/>
                    </a:lnTo>
                    <a:lnTo>
                      <a:pt x="209134" y="80986"/>
                    </a:lnTo>
                    <a:lnTo>
                      <a:pt x="233927" y="88530"/>
                    </a:lnTo>
                    <a:lnTo>
                      <a:pt x="241838" y="83220"/>
                    </a:lnTo>
                    <a:cubicBezTo>
                      <a:pt x="249930" y="79813"/>
                      <a:pt x="258826" y="77929"/>
                      <a:pt x="268164" y="77929"/>
                    </a:cubicBezTo>
                    <a:lnTo>
                      <a:pt x="283200" y="80951"/>
                    </a:lnTo>
                    <a:lnTo>
                      <a:pt x="285081" y="79576"/>
                    </a:lnTo>
                    <a:lnTo>
                      <a:pt x="343270" y="58020"/>
                    </a:lnTo>
                    <a:close/>
                    <a:moveTo>
                      <a:pt x="340351" y="25957"/>
                    </a:moveTo>
                    <a:lnTo>
                      <a:pt x="313464" y="29926"/>
                    </a:lnTo>
                    <a:lnTo>
                      <a:pt x="342538" y="33543"/>
                    </a:lnTo>
                    <a:lnTo>
                      <a:pt x="378845" y="44841"/>
                    </a:lnTo>
                    <a:lnTo>
                      <a:pt x="389757" y="40799"/>
                    </a:lnTo>
                    <a:lnTo>
                      <a:pt x="441514" y="37867"/>
                    </a:lnTo>
                    <a:lnTo>
                      <a:pt x="403941" y="28789"/>
                    </a:lnTo>
                    <a:cubicBezTo>
                      <a:pt x="382850" y="25813"/>
                      <a:pt x="361548" y="24873"/>
                      <a:pt x="340351" y="25957"/>
                    </a:cubicBezTo>
                    <a:close/>
                    <a:moveTo>
                      <a:pt x="356186" y="2"/>
                    </a:moveTo>
                    <a:cubicBezTo>
                      <a:pt x="441923" y="-286"/>
                      <a:pt x="528035" y="30105"/>
                      <a:pt x="596689" y="92086"/>
                    </a:cubicBezTo>
                    <a:lnTo>
                      <a:pt x="616572" y="114039"/>
                    </a:lnTo>
                    <a:lnTo>
                      <a:pt x="620730" y="116955"/>
                    </a:lnTo>
                    <a:lnTo>
                      <a:pt x="620423" y="118290"/>
                    </a:lnTo>
                    <a:lnTo>
                      <a:pt x="645269" y="145724"/>
                    </a:lnTo>
                    <a:lnTo>
                      <a:pt x="658367" y="167801"/>
                    </a:lnTo>
                    <a:lnTo>
                      <a:pt x="660378" y="166925"/>
                    </a:lnTo>
                    <a:lnTo>
                      <a:pt x="662200" y="172636"/>
                    </a:lnTo>
                    <a:lnTo>
                      <a:pt x="662335" y="174488"/>
                    </a:lnTo>
                    <a:lnTo>
                      <a:pt x="681099" y="206115"/>
                    </a:lnTo>
                    <a:cubicBezTo>
                      <a:pt x="720323" y="290240"/>
                      <a:pt x="725264" y="386966"/>
                      <a:pt x="694817" y="474650"/>
                    </a:cubicBezTo>
                    <a:lnTo>
                      <a:pt x="670187" y="527879"/>
                    </a:lnTo>
                    <a:lnTo>
                      <a:pt x="669572" y="530550"/>
                    </a:lnTo>
                    <a:lnTo>
                      <a:pt x="668813" y="532071"/>
                    </a:lnTo>
                    <a:lnTo>
                      <a:pt x="666674" y="535472"/>
                    </a:lnTo>
                    <a:lnTo>
                      <a:pt x="665329" y="538379"/>
                    </a:lnTo>
                    <a:lnTo>
                      <a:pt x="661969" y="542950"/>
                    </a:lnTo>
                    <a:lnTo>
                      <a:pt x="650198" y="561656"/>
                    </a:lnTo>
                    <a:lnTo>
                      <a:pt x="645757" y="567383"/>
                    </a:lnTo>
                    <a:lnTo>
                      <a:pt x="646743" y="563662"/>
                    </a:lnTo>
                    <a:lnTo>
                      <a:pt x="643528" y="568036"/>
                    </a:lnTo>
                    <a:lnTo>
                      <a:pt x="643635" y="568822"/>
                    </a:lnTo>
                    <a:lnTo>
                      <a:pt x="644920" y="568464"/>
                    </a:lnTo>
                    <a:lnTo>
                      <a:pt x="628953" y="589050"/>
                    </a:lnTo>
                    <a:lnTo>
                      <a:pt x="625015" y="593221"/>
                    </a:lnTo>
                    <a:lnTo>
                      <a:pt x="622466" y="596688"/>
                    </a:lnTo>
                    <a:lnTo>
                      <a:pt x="602356" y="614903"/>
                    </a:lnTo>
                    <a:lnTo>
                      <a:pt x="603020" y="616094"/>
                    </a:lnTo>
                    <a:lnTo>
                      <a:pt x="596409" y="621868"/>
                    </a:lnTo>
                    <a:lnTo>
                      <a:pt x="595837" y="620806"/>
                    </a:lnTo>
                    <a:lnTo>
                      <a:pt x="568829" y="645269"/>
                    </a:lnTo>
                    <a:lnTo>
                      <a:pt x="551809" y="655367"/>
                    </a:lnTo>
                    <a:lnTo>
                      <a:pt x="554292" y="654736"/>
                    </a:lnTo>
                    <a:lnTo>
                      <a:pt x="551567" y="656691"/>
                    </a:lnTo>
                    <a:cubicBezTo>
                      <a:pt x="541974" y="662903"/>
                      <a:pt x="532084" y="668657"/>
                      <a:pt x="521934" y="673931"/>
                    </a:cubicBezTo>
                    <a:lnTo>
                      <a:pt x="515614" y="676839"/>
                    </a:lnTo>
                    <a:lnTo>
                      <a:pt x="508436" y="681098"/>
                    </a:lnTo>
                    <a:cubicBezTo>
                      <a:pt x="382250" y="739934"/>
                      <a:pt x="227709" y="721633"/>
                      <a:pt x="117864" y="622466"/>
                    </a:cubicBezTo>
                    <a:lnTo>
                      <a:pt x="87593" y="589044"/>
                    </a:lnTo>
                    <a:lnTo>
                      <a:pt x="81891" y="588244"/>
                    </a:lnTo>
                    <a:lnTo>
                      <a:pt x="83326" y="584333"/>
                    </a:lnTo>
                    <a:lnTo>
                      <a:pt x="69282" y="568828"/>
                    </a:lnTo>
                    <a:cubicBezTo>
                      <a:pt x="-15162" y="454121"/>
                      <a:pt x="-23092" y="298887"/>
                      <a:pt x="49224" y="176173"/>
                    </a:cubicBezTo>
                    <a:lnTo>
                      <a:pt x="61800" y="159064"/>
                    </a:lnTo>
                    <a:lnTo>
                      <a:pt x="63093" y="154269"/>
                    </a:lnTo>
                    <a:lnTo>
                      <a:pt x="64558" y="151941"/>
                    </a:lnTo>
                    <a:lnTo>
                      <a:pt x="68847" y="146412"/>
                    </a:lnTo>
                    <a:lnTo>
                      <a:pt x="67570" y="151215"/>
                    </a:lnTo>
                    <a:lnTo>
                      <a:pt x="88322" y="122985"/>
                    </a:lnTo>
                    <a:lnTo>
                      <a:pt x="88384" y="121815"/>
                    </a:lnTo>
                    <a:lnTo>
                      <a:pt x="91983" y="118005"/>
                    </a:lnTo>
                    <a:lnTo>
                      <a:pt x="92086" y="117863"/>
                    </a:lnTo>
                    <a:lnTo>
                      <a:pt x="92290" y="117679"/>
                    </a:lnTo>
                    <a:lnTo>
                      <a:pt x="98575" y="111021"/>
                    </a:lnTo>
                    <a:lnTo>
                      <a:pt x="98574" y="111021"/>
                    </a:lnTo>
                    <a:lnTo>
                      <a:pt x="109194" y="99775"/>
                    </a:lnTo>
                    <a:lnTo>
                      <a:pt x="110978" y="100753"/>
                    </a:lnTo>
                    <a:lnTo>
                      <a:pt x="114309" y="97735"/>
                    </a:lnTo>
                    <a:lnTo>
                      <a:pt x="111203" y="97969"/>
                    </a:lnTo>
                    <a:lnTo>
                      <a:pt x="135331" y="76894"/>
                    </a:lnTo>
                    <a:lnTo>
                      <a:pt x="141004" y="72824"/>
                    </a:lnTo>
                    <a:lnTo>
                      <a:pt x="141764" y="72869"/>
                    </a:lnTo>
                    <a:lnTo>
                      <a:pt x="145724" y="69282"/>
                    </a:lnTo>
                    <a:lnTo>
                      <a:pt x="165762" y="57395"/>
                    </a:lnTo>
                    <a:lnTo>
                      <a:pt x="160785" y="58633"/>
                    </a:lnTo>
                    <a:lnTo>
                      <a:pt x="163189" y="56907"/>
                    </a:lnTo>
                    <a:lnTo>
                      <a:pt x="190471" y="42735"/>
                    </a:lnTo>
                    <a:lnTo>
                      <a:pt x="206116" y="33453"/>
                    </a:lnTo>
                    <a:lnTo>
                      <a:pt x="213043" y="31009"/>
                    </a:lnTo>
                    <a:lnTo>
                      <a:pt x="224021" y="25307"/>
                    </a:lnTo>
                    <a:lnTo>
                      <a:pt x="225919" y="24646"/>
                    </a:lnTo>
                    <a:lnTo>
                      <a:pt x="231396" y="24535"/>
                    </a:lnTo>
                    <a:lnTo>
                      <a:pt x="271235" y="10481"/>
                    </a:lnTo>
                    <a:cubicBezTo>
                      <a:pt x="299070" y="3602"/>
                      <a:pt x="327607" y="97"/>
                      <a:pt x="356186" y="2"/>
                    </a:cubicBezTo>
                    <a:close/>
                  </a:path>
                </a:pathLst>
              </a:custGeom>
              <a:grpFill/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wrap="square" lIns="45719" tIns="45719" rIns="45719" bIns="45719" rtlCol="0" anchor="ctr">
                <a:noAutofit/>
              </a:bodyPr>
              <a:lstStyle/>
              <a:p>
                <a:pPr algn="ctr"/>
                <a:endParaRPr lang="en-US" sz="1000" dirty="0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37" name="Rectangle 36">
              <a:extLst>
                <a:ext uri="{FF2B5EF4-FFF2-40B4-BE49-F238E27FC236}">
                  <a16:creationId xmlns:a16="http://schemas.microsoft.com/office/drawing/2014/main" id="{1C3C2845-F560-A641-8F49-3B8AEB46493E}"/>
                </a:ext>
              </a:extLst>
            </p:cNvPr>
            <p:cNvSpPr/>
            <p:nvPr/>
          </p:nvSpPr>
          <p:spPr>
            <a:xfrm>
              <a:off x="2051522" y="5967135"/>
              <a:ext cx="3262601" cy="834389"/>
            </a:xfrm>
            <a:prstGeom prst="rect">
              <a:avLst/>
            </a:prstGeom>
            <a:noFill/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189547" tIns="31592" rIns="63182" bIns="31592" rtlCol="0" anchor="ctr" anchorCtr="0"/>
            <a:lstStyle/>
            <a:p>
              <a:r>
                <a:rPr lang="en-GB" sz="2300" b="1" dirty="0">
                  <a:solidFill>
                    <a:srgbClr val="009051"/>
                  </a:solidFill>
                </a:rPr>
                <a:t>Pension Funds</a:t>
              </a:r>
            </a:p>
          </p:txBody>
        </p:sp>
        <p:sp>
          <p:nvSpPr>
            <p:cNvPr id="38" name="KMA6C131B">
              <a:extLst>
                <a:ext uri="{FF2B5EF4-FFF2-40B4-BE49-F238E27FC236}">
                  <a16:creationId xmlns:a16="http://schemas.microsoft.com/office/drawing/2014/main" id="{37878C95-EB9F-F640-8394-337845B1054F}"/>
                </a:ext>
              </a:extLst>
            </p:cNvPr>
            <p:cNvSpPr>
              <a:spLocks noChangeArrowheads="1"/>
            </p:cNvSpPr>
            <p:nvPr>
              <p:custDataLst>
                <p:tags r:id="rId2"/>
              </p:custDataLst>
            </p:nvPr>
          </p:nvSpPr>
          <p:spPr bwMode="auto">
            <a:xfrm>
              <a:off x="5314123" y="5868788"/>
              <a:ext cx="7500728" cy="1057588"/>
            </a:xfrm>
            <a:prstGeom prst="rect">
              <a:avLst/>
            </a:prstGeom>
            <a:noFill/>
          </p:spPr>
          <p:txBody>
            <a:bodyPr wrap="square" lIns="36000" tIns="36000" rIns="36000" bIns="36000" rtlCol="0">
              <a:spAutoFit/>
            </a:bodyPr>
            <a:lstStyle/>
            <a:p>
              <a:pPr marL="285750" indent="-285750">
                <a:buFont typeface="Arial" panose="020B0604020202020204" pitchFamily="34" charset="0"/>
                <a:buChar char="•"/>
              </a:pPr>
              <a:r>
                <a:rPr lang="en-US" sz="1600" dirty="0"/>
                <a:t>Increasingly people want their pensions invested in socially conscious investment options, a challenge for traditionally cautious pension funds </a:t>
              </a:r>
            </a:p>
            <a:p>
              <a:pPr marL="285750" indent="-285750">
                <a:buFont typeface="Arial" panose="020B0604020202020204" pitchFamily="34" charset="0"/>
                <a:buChar char="•"/>
              </a:pPr>
              <a:r>
                <a:rPr lang="en-US" sz="1600" dirty="0"/>
                <a:t>They particularly look for scalable funds with good returns</a:t>
              </a:r>
            </a:p>
          </p:txBody>
        </p:sp>
        <p:pic>
          <p:nvPicPr>
            <p:cNvPr id="45" name="Picture 44">
              <a:extLst>
                <a:ext uri="{FF2B5EF4-FFF2-40B4-BE49-F238E27FC236}">
                  <a16:creationId xmlns:a16="http://schemas.microsoft.com/office/drawing/2014/main" id="{80BADD90-B0ED-8646-914D-1A5360D21122}"/>
                </a:ext>
              </a:extLst>
            </p:cNvPr>
            <p:cNvPicPr>
              <a:picLocks noChangeAspect="1"/>
            </p:cNvPicPr>
            <p:nvPr/>
          </p:nvPicPr>
          <p:blipFill>
            <a:blip r:embed="rId14">
              <a:lum bright="70000" contrast="-70000"/>
            </a:blip>
            <a:stretch>
              <a:fillRect/>
            </a:stretch>
          </p:blipFill>
          <p:spPr>
            <a:xfrm>
              <a:off x="792166" y="6040181"/>
              <a:ext cx="827191" cy="827191"/>
            </a:xfrm>
            <a:prstGeom prst="rect">
              <a:avLst/>
            </a:prstGeom>
          </p:spPr>
        </p:pic>
        <p:sp>
          <p:nvSpPr>
            <p:cNvPr id="50" name="TextBox 49">
              <a:extLst>
                <a:ext uri="{FF2B5EF4-FFF2-40B4-BE49-F238E27FC236}">
                  <a16:creationId xmlns:a16="http://schemas.microsoft.com/office/drawing/2014/main" id="{69422411-C436-1A42-B942-AD402BEC8DC5}"/>
                </a:ext>
              </a:extLst>
            </p:cNvPr>
            <p:cNvSpPr txBox="1"/>
            <p:nvPr/>
          </p:nvSpPr>
          <p:spPr>
            <a:xfrm>
              <a:off x="-410817" y="5989983"/>
              <a:ext cx="72768" cy="380480"/>
            </a:xfrm>
            <a:prstGeom prst="rect">
              <a:avLst/>
            </a:prstGeom>
            <a:noFill/>
          </p:spPr>
          <p:txBody>
            <a:bodyPr wrap="none" lIns="36000" tIns="36000" rIns="36000" bIns="36000" rtlCol="0">
              <a:spAutoFit/>
            </a:bodyPr>
            <a:lstStyle/>
            <a:p>
              <a:endParaRPr lang="en-US" sz="2000" dirty="0" err="1"/>
            </a:p>
          </p:txBody>
        </p:sp>
      </p:grpSp>
    </p:spTree>
    <p:extLst>
      <p:ext uri="{BB962C8B-B14F-4D97-AF65-F5344CB8AC3E}">
        <p14:creationId xmlns:p14="http://schemas.microsoft.com/office/powerpoint/2010/main" val="553984436"/>
      </p:ext>
    </p:extLst>
  </p:cSld>
  <p:clrMapOvr>
    <a:masterClrMapping/>
  </p:clrMapOvr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1">
            <a:extLst>
              <a:ext uri="{FF2B5EF4-FFF2-40B4-BE49-F238E27FC236}">
                <a16:creationId xmlns:a16="http://schemas.microsoft.com/office/drawing/2014/main" id="{D5B1C0A7-38E7-4248-A5DE-0D739461F8F3}"/>
              </a:ext>
            </a:extLst>
          </p:cNvPr>
          <p:cNvSpPr txBox="1">
            <a:spLocks/>
          </p:cNvSpPr>
          <p:nvPr/>
        </p:nvSpPr>
        <p:spPr bwMode="gray">
          <a:xfrm>
            <a:off x="236498" y="321470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the Fund has two share classes A &amp; B differing in periodic return and risks</a:t>
            </a:r>
          </a:p>
        </p:txBody>
      </p:sp>
      <p:sp>
        <p:nvSpPr>
          <p:cNvPr id="6" name="Rectangle 5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7" name="Rectangle 6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graphicFrame>
        <p:nvGraphicFramePr>
          <p:cNvPr id="2" name="Table 7">
            <a:extLst>
              <a:ext uri="{FF2B5EF4-FFF2-40B4-BE49-F238E27FC236}">
                <a16:creationId xmlns:a16="http://schemas.microsoft.com/office/drawing/2014/main" id="{8A0651E1-7D56-4C96-9892-1136CCB5657A}"/>
              </a:ext>
            </a:extLst>
          </p:cNvPr>
          <p:cNvGraphicFramePr>
            <a:graphicFrameLocks noGrp="1"/>
          </p:cNvGraphicFramePr>
          <p:nvPr/>
        </p:nvGraphicFramePr>
        <p:xfrm>
          <a:off x="236498" y="2395083"/>
          <a:ext cx="11811467" cy="366948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4650867">
                  <a:extLst>
                    <a:ext uri="{9D8B030D-6E8A-4147-A177-3AD203B41FA5}">
                      <a16:colId xmlns:a16="http://schemas.microsoft.com/office/drawing/2014/main" val="2852859517"/>
                    </a:ext>
                  </a:extLst>
                </a:gridCol>
                <a:gridCol w="3580300">
                  <a:extLst>
                    <a:ext uri="{9D8B030D-6E8A-4147-A177-3AD203B41FA5}">
                      <a16:colId xmlns:a16="http://schemas.microsoft.com/office/drawing/2014/main" val="460117840"/>
                    </a:ext>
                  </a:extLst>
                </a:gridCol>
                <a:gridCol w="3580300">
                  <a:extLst>
                    <a:ext uri="{9D8B030D-6E8A-4147-A177-3AD203B41FA5}">
                      <a16:colId xmlns:a16="http://schemas.microsoft.com/office/drawing/2014/main" val="2779898545"/>
                    </a:ext>
                  </a:extLst>
                </a:gridCol>
              </a:tblGrid>
              <a:tr h="528650">
                <a:tc>
                  <a:txBody>
                    <a:bodyPr/>
                    <a:lstStyle/>
                    <a:p>
                      <a:r>
                        <a:rPr lang="en-IN" dirty="0">
                          <a:solidFill>
                            <a:schemeClr val="bg2"/>
                          </a:solidFill>
                        </a:rPr>
                        <a:t>Parameter </a:t>
                      </a:r>
                    </a:p>
                  </a:txBody>
                  <a:tcPr anchor="ctr">
                    <a:solidFill>
                      <a:srgbClr val="00905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IN" dirty="0">
                          <a:solidFill>
                            <a:schemeClr val="bg2"/>
                          </a:solidFill>
                        </a:rPr>
                        <a:t>Class A</a:t>
                      </a:r>
                    </a:p>
                  </a:txBody>
                  <a:tcPr anchor="ctr">
                    <a:solidFill>
                      <a:srgbClr val="009051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IN" dirty="0">
                          <a:solidFill>
                            <a:schemeClr val="bg2"/>
                          </a:solidFill>
                        </a:rPr>
                        <a:t>Class B</a:t>
                      </a:r>
                    </a:p>
                  </a:txBody>
                  <a:tcPr anchor="ctr">
                    <a:solidFill>
                      <a:srgbClr val="00905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292517040"/>
                  </a:ext>
                </a:extLst>
              </a:tr>
              <a:tr h="433802">
                <a:tc>
                  <a:txBody>
                    <a:bodyPr/>
                    <a:lstStyle/>
                    <a:p>
                      <a:r>
                        <a:rPr lang="en-IN" dirty="0"/>
                        <a:t>Annual Periodic Return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IN" dirty="0"/>
                        <a:t>Capped at 7%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IN" dirty="0"/>
                        <a:t>Capped at 9%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2107655734"/>
                  </a:ext>
                </a:extLst>
              </a:tr>
              <a:tr h="433802">
                <a:tc>
                  <a:txBody>
                    <a:bodyPr/>
                    <a:lstStyle/>
                    <a:p>
                      <a:r>
                        <a:rPr lang="en-IN" dirty="0"/>
                        <a:t>Equity Gains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IN" dirty="0"/>
                        <a:t>40% share in equity gains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IN" dirty="0"/>
                        <a:t>60% share in equity gains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2679942343"/>
                  </a:ext>
                </a:extLst>
              </a:tr>
              <a:tr h="1084506">
                <a:tc>
                  <a:txBody>
                    <a:bodyPr/>
                    <a:lstStyle/>
                    <a:p>
                      <a:pPr marL="0" marR="0" lvl="0" indent="0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/>
                        <a:t>Preference during Shortfall in a Period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IN" dirty="0"/>
                        <a:t>Paid after farm expenses, farmer </a:t>
                      </a:r>
                      <a:r>
                        <a:rPr lang="en-US" dirty="0"/>
                        <a:t>salaries, debt obligations and management fee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lvl="0" indent="0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/>
                        <a:t>Paid after farm expenses, farmer </a:t>
                      </a:r>
                      <a:r>
                        <a:rPr lang="en-US" dirty="0"/>
                        <a:t>salaries, debt obligations and management fee and </a:t>
                      </a:r>
                      <a:r>
                        <a:rPr lang="en-IN" dirty="0"/>
                        <a:t>Class A returns</a:t>
                      </a:r>
                      <a:endParaRPr lang="en-US" dirty="0"/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81039350"/>
                  </a:ext>
                </a:extLst>
              </a:tr>
              <a:tr h="1084506">
                <a:tc>
                  <a:txBody>
                    <a:bodyPr/>
                    <a:lstStyle/>
                    <a:p>
                      <a:r>
                        <a:rPr lang="en-IN" dirty="0"/>
                        <a:t>Preference during Bankruptcy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marL="0" marR="0" lvl="0" indent="0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dirty="0"/>
                        <a:t>Preferred after debt obligations (if any)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r>
                        <a:rPr lang="en-IN" dirty="0"/>
                        <a:t>Preferred after debt obligations (if any) and Class A obligations</a:t>
                      </a:r>
                    </a:p>
                  </a:txBody>
                  <a:tcPr anchor="ctr"/>
                </a:tc>
                <a:extLst>
                  <a:ext uri="{0D108BD9-81ED-4DB2-BD59-A6C34878D82A}">
                    <a16:rowId xmlns:a16="http://schemas.microsoft.com/office/drawing/2014/main" val="132687779"/>
                  </a:ext>
                </a:extLst>
              </a:tr>
            </a:tbl>
          </a:graphicData>
        </a:graphic>
      </p:graphicFrame>
      <p:sp>
        <p:nvSpPr>
          <p:cNvPr id="9" name="TextBox 8">
            <a:extLst>
              <a:ext uri="{FF2B5EF4-FFF2-40B4-BE49-F238E27FC236}">
                <a16:creationId xmlns:a16="http://schemas.microsoft.com/office/drawing/2014/main" id="{34D187A4-C35E-40DD-A41E-A81DC9A94E07}"/>
              </a:ext>
            </a:extLst>
          </p:cNvPr>
          <p:cNvSpPr txBox="1"/>
          <p:nvPr/>
        </p:nvSpPr>
        <p:spPr>
          <a:xfrm flipH="1">
            <a:off x="236498" y="1776890"/>
            <a:ext cx="10481033" cy="688256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IN" sz="2000" dirty="0"/>
              <a:t>The fund will have equal number of Class A and Class B shares</a:t>
            </a:r>
          </a:p>
          <a:p>
            <a:endParaRPr lang="en-IN" sz="2000" dirty="0"/>
          </a:p>
        </p:txBody>
      </p:sp>
    </p:spTree>
    <p:extLst>
      <p:ext uri="{BB962C8B-B14F-4D97-AF65-F5344CB8AC3E}">
        <p14:creationId xmlns:p14="http://schemas.microsoft.com/office/powerpoint/2010/main" val="2995929692"/>
      </p:ext>
    </p:extLst>
  </p:cSld>
  <p:clrMapOvr>
    <a:masterClrMapping/>
  </p:clrMapOvr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1">
            <a:extLst>
              <a:ext uri="{FF2B5EF4-FFF2-40B4-BE49-F238E27FC236}">
                <a16:creationId xmlns:a16="http://schemas.microsoft.com/office/drawing/2014/main" id="{D5B1C0A7-38E7-4248-A5DE-0D739461F8F3}"/>
              </a:ext>
            </a:extLst>
          </p:cNvPr>
          <p:cNvSpPr txBox="1">
            <a:spLocks/>
          </p:cNvSpPr>
          <p:nvPr/>
        </p:nvSpPr>
        <p:spPr bwMode="gray">
          <a:xfrm>
            <a:off x="236498" y="308222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INVESTORS ARE Prioritized IN THE EVENT of A BANKRUPTCY</a:t>
            </a:r>
          </a:p>
        </p:txBody>
      </p:sp>
      <p:grpSp>
        <p:nvGrpSpPr>
          <p:cNvPr id="4" name="Group 3">
            <a:extLst>
              <a:ext uri="{FF2B5EF4-FFF2-40B4-BE49-F238E27FC236}">
                <a16:creationId xmlns:a16="http://schemas.microsoft.com/office/drawing/2014/main" id="{77089DB4-C842-47B9-A304-D3E2BFBA8996}"/>
              </a:ext>
            </a:extLst>
          </p:cNvPr>
          <p:cNvGrpSpPr/>
          <p:nvPr/>
        </p:nvGrpSpPr>
        <p:grpSpPr>
          <a:xfrm>
            <a:off x="1515528" y="1831092"/>
            <a:ext cx="9854838" cy="711437"/>
            <a:chOff x="1515528" y="1831092"/>
            <a:chExt cx="9854838" cy="711437"/>
          </a:xfrm>
        </p:grpSpPr>
        <p:sp>
          <p:nvSpPr>
            <p:cNvPr id="8" name="Rectangle 7"/>
            <p:cNvSpPr/>
            <p:nvPr>
              <p:custDataLst>
                <p:tags r:id="rId8"/>
              </p:custDataLst>
            </p:nvPr>
          </p:nvSpPr>
          <p:spPr>
            <a:xfrm>
              <a:off x="1816791" y="1831092"/>
              <a:ext cx="9553575" cy="711437"/>
            </a:xfrm>
            <a:prstGeom prst="rect">
              <a:avLst/>
            </a:prstGeom>
            <a:solidFill>
              <a:srgbClr val="DDDDDD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anchor="ctr"/>
            <a:lstStyle/>
            <a:p>
              <a:pPr marL="363538"/>
              <a:r>
                <a:rPr lang="en-US" sz="2400" b="1" cap="all" dirty="0">
                  <a:solidFill>
                    <a:srgbClr val="009051"/>
                  </a:solidFill>
                  <a:latin typeface="Verdana" panose="020B0604030504040204" pitchFamily="34" charset="0"/>
                </a:rPr>
                <a:t>SALARIES, DEBT OBLIGATIONS AND EXPENSES</a:t>
              </a:r>
            </a:p>
          </p:txBody>
        </p:sp>
        <p:sp>
          <p:nvSpPr>
            <p:cNvPr id="9" name="Freeform 5"/>
            <p:cNvSpPr>
              <a:spLocks noChangeAspect="1"/>
            </p:cNvSpPr>
            <p:nvPr/>
          </p:nvSpPr>
          <p:spPr bwMode="auto">
            <a:xfrm>
              <a:off x="1515528" y="1831092"/>
              <a:ext cx="470906" cy="711437"/>
            </a:xfrm>
            <a:custGeom>
              <a:avLst/>
              <a:gdLst>
                <a:gd name="T0" fmla="*/ 255 w 255"/>
                <a:gd name="T1" fmla="*/ 383 h 383"/>
                <a:gd name="T2" fmla="*/ 0 w 255"/>
                <a:gd name="T3" fmla="*/ 383 h 383"/>
                <a:gd name="T4" fmla="*/ 0 w 255"/>
                <a:gd name="T5" fmla="*/ 317 h 383"/>
                <a:gd name="T6" fmla="*/ 81 w 255"/>
                <a:gd name="T7" fmla="*/ 317 h 383"/>
                <a:gd name="T8" fmla="*/ 81 w 255"/>
                <a:gd name="T9" fmla="*/ 115 h 383"/>
                <a:gd name="T10" fmla="*/ 0 w 255"/>
                <a:gd name="T11" fmla="*/ 115 h 383"/>
                <a:gd name="T12" fmla="*/ 0 w 255"/>
                <a:gd name="T13" fmla="*/ 52 h 383"/>
                <a:gd name="T14" fmla="*/ 36 w 255"/>
                <a:gd name="T15" fmla="*/ 50 h 383"/>
                <a:gd name="T16" fmla="*/ 64 w 255"/>
                <a:gd name="T17" fmla="*/ 43 h 383"/>
                <a:gd name="T18" fmla="*/ 84 w 255"/>
                <a:gd name="T19" fmla="*/ 26 h 383"/>
                <a:gd name="T20" fmla="*/ 92 w 255"/>
                <a:gd name="T21" fmla="*/ 0 h 383"/>
                <a:gd name="T22" fmla="*/ 176 w 255"/>
                <a:gd name="T23" fmla="*/ 0 h 383"/>
                <a:gd name="T24" fmla="*/ 176 w 255"/>
                <a:gd name="T25" fmla="*/ 317 h 383"/>
                <a:gd name="T26" fmla="*/ 255 w 255"/>
                <a:gd name="T27" fmla="*/ 317 h 383"/>
                <a:gd name="T28" fmla="*/ 255 w 255"/>
                <a:gd name="T29" fmla="*/ 383 h 38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255" h="383">
                  <a:moveTo>
                    <a:pt x="255" y="383"/>
                  </a:moveTo>
                  <a:cubicBezTo>
                    <a:pt x="0" y="383"/>
                    <a:pt x="0" y="383"/>
                    <a:pt x="0" y="383"/>
                  </a:cubicBezTo>
                  <a:cubicBezTo>
                    <a:pt x="0" y="317"/>
                    <a:pt x="0" y="317"/>
                    <a:pt x="0" y="317"/>
                  </a:cubicBezTo>
                  <a:cubicBezTo>
                    <a:pt x="81" y="317"/>
                    <a:pt x="81" y="317"/>
                    <a:pt x="81" y="317"/>
                  </a:cubicBezTo>
                  <a:cubicBezTo>
                    <a:pt x="81" y="115"/>
                    <a:pt x="81" y="115"/>
                    <a:pt x="81" y="115"/>
                  </a:cubicBezTo>
                  <a:cubicBezTo>
                    <a:pt x="0" y="115"/>
                    <a:pt x="0" y="115"/>
                    <a:pt x="0" y="115"/>
                  </a:cubicBezTo>
                  <a:cubicBezTo>
                    <a:pt x="0" y="52"/>
                    <a:pt x="0" y="52"/>
                    <a:pt x="0" y="52"/>
                  </a:cubicBezTo>
                  <a:cubicBezTo>
                    <a:pt x="12" y="52"/>
                    <a:pt x="24" y="52"/>
                    <a:pt x="36" y="50"/>
                  </a:cubicBezTo>
                  <a:cubicBezTo>
                    <a:pt x="47" y="49"/>
                    <a:pt x="56" y="46"/>
                    <a:pt x="64" y="43"/>
                  </a:cubicBezTo>
                  <a:cubicBezTo>
                    <a:pt x="73" y="38"/>
                    <a:pt x="79" y="33"/>
                    <a:pt x="84" y="26"/>
                  </a:cubicBezTo>
                  <a:cubicBezTo>
                    <a:pt x="88" y="19"/>
                    <a:pt x="91" y="10"/>
                    <a:pt x="92" y="0"/>
                  </a:cubicBezTo>
                  <a:cubicBezTo>
                    <a:pt x="176" y="0"/>
                    <a:pt x="176" y="0"/>
                    <a:pt x="176" y="0"/>
                  </a:cubicBezTo>
                  <a:cubicBezTo>
                    <a:pt x="176" y="317"/>
                    <a:pt x="176" y="317"/>
                    <a:pt x="176" y="317"/>
                  </a:cubicBezTo>
                  <a:cubicBezTo>
                    <a:pt x="255" y="317"/>
                    <a:pt x="255" y="317"/>
                    <a:pt x="255" y="317"/>
                  </a:cubicBezTo>
                  <a:lnTo>
                    <a:pt x="255" y="383"/>
                  </a:lnTo>
                  <a:close/>
                </a:path>
              </a:pathLst>
            </a:custGeom>
            <a:solidFill>
              <a:srgbClr val="00905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9051"/>
                </a:solidFill>
              </a:endParaRPr>
            </a:p>
          </p:txBody>
        </p:sp>
      </p:grpSp>
      <p:grpSp>
        <p:nvGrpSpPr>
          <p:cNvPr id="6" name="Group 5">
            <a:extLst>
              <a:ext uri="{FF2B5EF4-FFF2-40B4-BE49-F238E27FC236}">
                <a16:creationId xmlns:a16="http://schemas.microsoft.com/office/drawing/2014/main" id="{A8BF8C6E-F07B-40DE-A8C7-D5E7940D848B}"/>
              </a:ext>
            </a:extLst>
          </p:cNvPr>
          <p:cNvGrpSpPr/>
          <p:nvPr/>
        </p:nvGrpSpPr>
        <p:grpSpPr>
          <a:xfrm>
            <a:off x="1477944" y="2701286"/>
            <a:ext cx="9892422" cy="711437"/>
            <a:chOff x="1477944" y="2796529"/>
            <a:chExt cx="9892422" cy="711437"/>
          </a:xfrm>
        </p:grpSpPr>
        <p:sp>
          <p:nvSpPr>
            <p:cNvPr id="11" name="Rectangle 37"/>
            <p:cNvSpPr/>
            <p:nvPr>
              <p:custDataLst>
                <p:tags r:id="rId7"/>
              </p:custDataLst>
            </p:nvPr>
          </p:nvSpPr>
          <p:spPr>
            <a:xfrm>
              <a:off x="1764942" y="2796529"/>
              <a:ext cx="9605424" cy="711437"/>
            </a:xfrm>
            <a:custGeom>
              <a:avLst/>
              <a:gdLst>
                <a:gd name="connsiteX0" fmla="*/ 0 w 11758963"/>
                <a:gd name="connsiteY0" fmla="*/ 0 h 711437"/>
                <a:gd name="connsiteX1" fmla="*/ 11758963 w 11758963"/>
                <a:gd name="connsiteY1" fmla="*/ 0 h 711437"/>
                <a:gd name="connsiteX2" fmla="*/ 11758963 w 11758963"/>
                <a:gd name="connsiteY2" fmla="*/ 711437 h 711437"/>
                <a:gd name="connsiteX3" fmla="*/ 0 w 11758963"/>
                <a:gd name="connsiteY3" fmla="*/ 711437 h 711437"/>
                <a:gd name="connsiteX4" fmla="*/ 0 w 11758963"/>
                <a:gd name="connsiteY4" fmla="*/ 0 h 711437"/>
                <a:gd name="connsiteX0" fmla="*/ 0 w 11758963"/>
                <a:gd name="connsiteY0" fmla="*/ 0 h 711437"/>
                <a:gd name="connsiteX1" fmla="*/ 11758963 w 11758963"/>
                <a:gd name="connsiteY1" fmla="*/ 0 h 711437"/>
                <a:gd name="connsiteX2" fmla="*/ 11758963 w 11758963"/>
                <a:gd name="connsiteY2" fmla="*/ 711437 h 711437"/>
                <a:gd name="connsiteX3" fmla="*/ 0 w 11758963"/>
                <a:gd name="connsiteY3" fmla="*/ 711437 h 711437"/>
                <a:gd name="connsiteX4" fmla="*/ 0 w 11758963"/>
                <a:gd name="connsiteY4" fmla="*/ 224964 h 711437"/>
                <a:gd name="connsiteX5" fmla="*/ 0 w 11758963"/>
                <a:gd name="connsiteY5" fmla="*/ 0 h 711437"/>
                <a:gd name="connsiteX0" fmla="*/ 0 w 11758963"/>
                <a:gd name="connsiteY0" fmla="*/ 0 h 711437"/>
                <a:gd name="connsiteX1" fmla="*/ 11758963 w 11758963"/>
                <a:gd name="connsiteY1" fmla="*/ 0 h 711437"/>
                <a:gd name="connsiteX2" fmla="*/ 11758963 w 11758963"/>
                <a:gd name="connsiteY2" fmla="*/ 711437 h 711437"/>
                <a:gd name="connsiteX3" fmla="*/ 0 w 11758963"/>
                <a:gd name="connsiteY3" fmla="*/ 711437 h 711437"/>
                <a:gd name="connsiteX4" fmla="*/ 223837 w 11758963"/>
                <a:gd name="connsiteY4" fmla="*/ 234489 h 711437"/>
                <a:gd name="connsiteX5" fmla="*/ 0 w 11758963"/>
                <a:gd name="connsiteY5" fmla="*/ 0 h 711437"/>
                <a:gd name="connsiteX0" fmla="*/ 0 w 11758963"/>
                <a:gd name="connsiteY0" fmla="*/ 0 h 711437"/>
                <a:gd name="connsiteX1" fmla="*/ 11758963 w 11758963"/>
                <a:gd name="connsiteY1" fmla="*/ 0 h 711437"/>
                <a:gd name="connsiteX2" fmla="*/ 11758963 w 11758963"/>
                <a:gd name="connsiteY2" fmla="*/ 711437 h 711437"/>
                <a:gd name="connsiteX3" fmla="*/ 0 w 11758963"/>
                <a:gd name="connsiteY3" fmla="*/ 711437 h 711437"/>
                <a:gd name="connsiteX4" fmla="*/ 80962 w 11758963"/>
                <a:gd name="connsiteY4" fmla="*/ 529764 h 711437"/>
                <a:gd name="connsiteX5" fmla="*/ 223837 w 11758963"/>
                <a:gd name="connsiteY5" fmla="*/ 234489 h 711437"/>
                <a:gd name="connsiteX6" fmla="*/ 0 w 11758963"/>
                <a:gd name="connsiteY6" fmla="*/ 0 h 711437"/>
                <a:gd name="connsiteX0" fmla="*/ 42863 w 11801826"/>
                <a:gd name="connsiteY0" fmla="*/ 0 h 711437"/>
                <a:gd name="connsiteX1" fmla="*/ 11801826 w 11801826"/>
                <a:gd name="connsiteY1" fmla="*/ 0 h 711437"/>
                <a:gd name="connsiteX2" fmla="*/ 11801826 w 11801826"/>
                <a:gd name="connsiteY2" fmla="*/ 711437 h 711437"/>
                <a:gd name="connsiteX3" fmla="*/ 42863 w 11801826"/>
                <a:gd name="connsiteY3" fmla="*/ 711437 h 711437"/>
                <a:gd name="connsiteX4" fmla="*/ 0 w 11801826"/>
                <a:gd name="connsiteY4" fmla="*/ 558339 h 711437"/>
                <a:gd name="connsiteX5" fmla="*/ 266700 w 11801826"/>
                <a:gd name="connsiteY5" fmla="*/ 234489 h 711437"/>
                <a:gd name="connsiteX6" fmla="*/ 42863 w 11801826"/>
                <a:gd name="connsiteY6" fmla="*/ 0 h 71143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11801826" h="711437">
                  <a:moveTo>
                    <a:pt x="42863" y="0"/>
                  </a:moveTo>
                  <a:lnTo>
                    <a:pt x="11801826" y="0"/>
                  </a:lnTo>
                  <a:lnTo>
                    <a:pt x="11801826" y="711437"/>
                  </a:lnTo>
                  <a:lnTo>
                    <a:pt x="42863" y="711437"/>
                  </a:lnTo>
                  <a:lnTo>
                    <a:pt x="0" y="558339"/>
                  </a:lnTo>
                  <a:lnTo>
                    <a:pt x="266700" y="234489"/>
                  </a:lnTo>
                  <a:lnTo>
                    <a:pt x="42863" y="0"/>
                  </a:lnTo>
                  <a:close/>
                </a:path>
              </a:pathLst>
            </a:custGeom>
            <a:solidFill>
              <a:srgbClr val="DDDDDD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anchor="ctr"/>
            <a:lstStyle/>
            <a:p>
              <a:pPr marL="363538"/>
              <a:r>
                <a:rPr lang="en-US" sz="2400" b="1" cap="all" dirty="0">
                  <a:solidFill>
                    <a:srgbClr val="009051"/>
                  </a:solidFill>
                  <a:latin typeface="Verdana" panose="020B0604030504040204" pitchFamily="34" charset="0"/>
                </a:rPr>
                <a:t>Annual management fee</a:t>
              </a:r>
            </a:p>
          </p:txBody>
        </p:sp>
        <p:sp>
          <p:nvSpPr>
            <p:cNvPr id="12" name="Freeform 6"/>
            <p:cNvSpPr>
              <a:spLocks noChangeAspect="1"/>
            </p:cNvSpPr>
            <p:nvPr/>
          </p:nvSpPr>
          <p:spPr bwMode="auto">
            <a:xfrm>
              <a:off x="1477944" y="2796529"/>
              <a:ext cx="546075" cy="711437"/>
            </a:xfrm>
            <a:custGeom>
              <a:avLst/>
              <a:gdLst>
                <a:gd name="T0" fmla="*/ 300 w 300"/>
                <a:gd name="T1" fmla="*/ 389 h 389"/>
                <a:gd name="T2" fmla="*/ 0 w 300"/>
                <a:gd name="T3" fmla="*/ 389 h 389"/>
                <a:gd name="T4" fmla="*/ 0 w 300"/>
                <a:gd name="T5" fmla="*/ 326 h 389"/>
                <a:gd name="T6" fmla="*/ 69 w 300"/>
                <a:gd name="T7" fmla="*/ 273 h 389"/>
                <a:gd name="T8" fmla="*/ 124 w 300"/>
                <a:gd name="T9" fmla="*/ 225 h 389"/>
                <a:gd name="T10" fmla="*/ 168 w 300"/>
                <a:gd name="T11" fmla="*/ 173 h 389"/>
                <a:gd name="T12" fmla="*/ 182 w 300"/>
                <a:gd name="T13" fmla="*/ 129 h 389"/>
                <a:gd name="T14" fmla="*/ 165 w 300"/>
                <a:gd name="T15" fmla="*/ 88 h 389"/>
                <a:gd name="T16" fmla="*/ 116 w 300"/>
                <a:gd name="T17" fmla="*/ 74 h 389"/>
                <a:gd name="T18" fmla="*/ 67 w 300"/>
                <a:gd name="T19" fmla="*/ 84 h 389"/>
                <a:gd name="T20" fmla="*/ 18 w 300"/>
                <a:gd name="T21" fmla="*/ 109 h 389"/>
                <a:gd name="T22" fmla="*/ 10 w 300"/>
                <a:gd name="T23" fmla="*/ 109 h 389"/>
                <a:gd name="T24" fmla="*/ 10 w 300"/>
                <a:gd name="T25" fmla="*/ 24 h 389"/>
                <a:gd name="T26" fmla="*/ 64 w 300"/>
                <a:gd name="T27" fmla="*/ 8 h 389"/>
                <a:gd name="T28" fmla="*/ 135 w 300"/>
                <a:gd name="T29" fmla="*/ 0 h 389"/>
                <a:gd name="T30" fmla="*/ 245 w 300"/>
                <a:gd name="T31" fmla="*/ 30 h 389"/>
                <a:gd name="T32" fmla="*/ 282 w 300"/>
                <a:gd name="T33" fmla="*/ 115 h 389"/>
                <a:gd name="T34" fmla="*/ 264 w 300"/>
                <a:gd name="T35" fmla="*/ 184 h 389"/>
                <a:gd name="T36" fmla="*/ 209 w 300"/>
                <a:gd name="T37" fmla="*/ 251 h 389"/>
                <a:gd name="T38" fmla="*/ 162 w 300"/>
                <a:gd name="T39" fmla="*/ 291 h 389"/>
                <a:gd name="T40" fmla="*/ 128 w 300"/>
                <a:gd name="T41" fmla="*/ 316 h 389"/>
                <a:gd name="T42" fmla="*/ 300 w 300"/>
                <a:gd name="T43" fmla="*/ 316 h 389"/>
                <a:gd name="T44" fmla="*/ 300 w 300"/>
                <a:gd name="T45" fmla="*/ 389 h 38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300" h="389">
                  <a:moveTo>
                    <a:pt x="300" y="389"/>
                  </a:moveTo>
                  <a:cubicBezTo>
                    <a:pt x="0" y="389"/>
                    <a:pt x="0" y="389"/>
                    <a:pt x="0" y="389"/>
                  </a:cubicBezTo>
                  <a:cubicBezTo>
                    <a:pt x="0" y="326"/>
                    <a:pt x="0" y="326"/>
                    <a:pt x="0" y="326"/>
                  </a:cubicBezTo>
                  <a:cubicBezTo>
                    <a:pt x="23" y="310"/>
                    <a:pt x="46" y="292"/>
                    <a:pt x="69" y="273"/>
                  </a:cubicBezTo>
                  <a:cubicBezTo>
                    <a:pt x="92" y="255"/>
                    <a:pt x="110" y="239"/>
                    <a:pt x="124" y="225"/>
                  </a:cubicBezTo>
                  <a:cubicBezTo>
                    <a:pt x="145" y="205"/>
                    <a:pt x="160" y="188"/>
                    <a:pt x="168" y="173"/>
                  </a:cubicBezTo>
                  <a:cubicBezTo>
                    <a:pt x="177" y="158"/>
                    <a:pt x="182" y="143"/>
                    <a:pt x="182" y="129"/>
                  </a:cubicBezTo>
                  <a:cubicBezTo>
                    <a:pt x="182" y="111"/>
                    <a:pt x="176" y="98"/>
                    <a:pt x="165" y="88"/>
                  </a:cubicBezTo>
                  <a:cubicBezTo>
                    <a:pt x="154" y="79"/>
                    <a:pt x="137" y="74"/>
                    <a:pt x="116" y="74"/>
                  </a:cubicBezTo>
                  <a:cubicBezTo>
                    <a:pt x="101" y="74"/>
                    <a:pt x="84" y="77"/>
                    <a:pt x="67" y="84"/>
                  </a:cubicBezTo>
                  <a:cubicBezTo>
                    <a:pt x="49" y="90"/>
                    <a:pt x="33" y="99"/>
                    <a:pt x="18" y="109"/>
                  </a:cubicBezTo>
                  <a:cubicBezTo>
                    <a:pt x="10" y="109"/>
                    <a:pt x="10" y="109"/>
                    <a:pt x="10" y="109"/>
                  </a:cubicBezTo>
                  <a:cubicBezTo>
                    <a:pt x="10" y="24"/>
                    <a:pt x="10" y="24"/>
                    <a:pt x="10" y="24"/>
                  </a:cubicBezTo>
                  <a:cubicBezTo>
                    <a:pt x="22" y="18"/>
                    <a:pt x="40" y="13"/>
                    <a:pt x="64" y="8"/>
                  </a:cubicBezTo>
                  <a:cubicBezTo>
                    <a:pt x="88" y="2"/>
                    <a:pt x="111" y="0"/>
                    <a:pt x="135" y="0"/>
                  </a:cubicBezTo>
                  <a:cubicBezTo>
                    <a:pt x="183" y="0"/>
                    <a:pt x="220" y="10"/>
                    <a:pt x="245" y="30"/>
                  </a:cubicBezTo>
                  <a:cubicBezTo>
                    <a:pt x="270" y="50"/>
                    <a:pt x="282" y="78"/>
                    <a:pt x="282" y="115"/>
                  </a:cubicBezTo>
                  <a:cubicBezTo>
                    <a:pt x="282" y="139"/>
                    <a:pt x="276" y="162"/>
                    <a:pt x="264" y="184"/>
                  </a:cubicBezTo>
                  <a:cubicBezTo>
                    <a:pt x="252" y="206"/>
                    <a:pt x="234" y="228"/>
                    <a:pt x="209" y="251"/>
                  </a:cubicBezTo>
                  <a:cubicBezTo>
                    <a:pt x="193" y="266"/>
                    <a:pt x="178" y="279"/>
                    <a:pt x="162" y="291"/>
                  </a:cubicBezTo>
                  <a:cubicBezTo>
                    <a:pt x="146" y="303"/>
                    <a:pt x="135" y="311"/>
                    <a:pt x="128" y="316"/>
                  </a:cubicBezTo>
                  <a:cubicBezTo>
                    <a:pt x="300" y="316"/>
                    <a:pt x="300" y="316"/>
                    <a:pt x="300" y="316"/>
                  </a:cubicBezTo>
                  <a:lnTo>
                    <a:pt x="300" y="389"/>
                  </a:lnTo>
                  <a:close/>
                </a:path>
              </a:pathLst>
            </a:custGeom>
            <a:solidFill>
              <a:srgbClr val="00905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7" name="Group 6">
            <a:extLst>
              <a:ext uri="{FF2B5EF4-FFF2-40B4-BE49-F238E27FC236}">
                <a16:creationId xmlns:a16="http://schemas.microsoft.com/office/drawing/2014/main" id="{E4EE53CA-EA44-4755-B681-32FF26B3F638}"/>
              </a:ext>
            </a:extLst>
          </p:cNvPr>
          <p:cNvGrpSpPr/>
          <p:nvPr/>
        </p:nvGrpSpPr>
        <p:grpSpPr>
          <a:xfrm>
            <a:off x="1482501" y="3571480"/>
            <a:ext cx="9887865" cy="711437"/>
            <a:chOff x="1482501" y="3672758"/>
            <a:chExt cx="9887865" cy="711437"/>
          </a:xfrm>
        </p:grpSpPr>
        <p:sp>
          <p:nvSpPr>
            <p:cNvPr id="14" name="Rectangle 35"/>
            <p:cNvSpPr/>
            <p:nvPr>
              <p:custDataLst>
                <p:tags r:id="rId6"/>
              </p:custDataLst>
            </p:nvPr>
          </p:nvSpPr>
          <p:spPr>
            <a:xfrm>
              <a:off x="1816792" y="3672758"/>
              <a:ext cx="9553574" cy="711437"/>
            </a:xfrm>
            <a:custGeom>
              <a:avLst/>
              <a:gdLst>
                <a:gd name="connsiteX0" fmla="*/ 0 w 11651442"/>
                <a:gd name="connsiteY0" fmla="*/ 0 h 711437"/>
                <a:gd name="connsiteX1" fmla="*/ 11651442 w 11651442"/>
                <a:gd name="connsiteY1" fmla="*/ 0 h 711437"/>
                <a:gd name="connsiteX2" fmla="*/ 11651442 w 11651442"/>
                <a:gd name="connsiteY2" fmla="*/ 711437 h 711437"/>
                <a:gd name="connsiteX3" fmla="*/ 0 w 11651442"/>
                <a:gd name="connsiteY3" fmla="*/ 711437 h 711437"/>
                <a:gd name="connsiteX4" fmla="*/ 0 w 11651442"/>
                <a:gd name="connsiteY4" fmla="*/ 0 h 711437"/>
                <a:gd name="connsiteX0" fmla="*/ 3810 w 11655252"/>
                <a:gd name="connsiteY0" fmla="*/ 0 h 711437"/>
                <a:gd name="connsiteX1" fmla="*/ 11655252 w 11655252"/>
                <a:gd name="connsiteY1" fmla="*/ 0 h 711437"/>
                <a:gd name="connsiteX2" fmla="*/ 11655252 w 11655252"/>
                <a:gd name="connsiteY2" fmla="*/ 711437 h 711437"/>
                <a:gd name="connsiteX3" fmla="*/ 3810 w 11655252"/>
                <a:gd name="connsiteY3" fmla="*/ 711437 h 711437"/>
                <a:gd name="connsiteX4" fmla="*/ 0 w 11655252"/>
                <a:gd name="connsiteY4" fmla="*/ 178689 h 711437"/>
                <a:gd name="connsiteX5" fmla="*/ 3810 w 11655252"/>
                <a:gd name="connsiteY5" fmla="*/ 0 h 711437"/>
                <a:gd name="connsiteX0" fmla="*/ 3810 w 11655252"/>
                <a:gd name="connsiteY0" fmla="*/ 0 h 711437"/>
                <a:gd name="connsiteX1" fmla="*/ 11655252 w 11655252"/>
                <a:gd name="connsiteY1" fmla="*/ 0 h 711437"/>
                <a:gd name="connsiteX2" fmla="*/ 11655252 w 11655252"/>
                <a:gd name="connsiteY2" fmla="*/ 711437 h 711437"/>
                <a:gd name="connsiteX3" fmla="*/ 3810 w 11655252"/>
                <a:gd name="connsiteY3" fmla="*/ 711437 h 711437"/>
                <a:gd name="connsiteX4" fmla="*/ 4763 w 11655252"/>
                <a:gd name="connsiteY4" fmla="*/ 493014 h 711437"/>
                <a:gd name="connsiteX5" fmla="*/ 0 w 11655252"/>
                <a:gd name="connsiteY5" fmla="*/ 178689 h 711437"/>
                <a:gd name="connsiteX6" fmla="*/ 3810 w 11655252"/>
                <a:gd name="connsiteY6" fmla="*/ 0 h 711437"/>
                <a:gd name="connsiteX0" fmla="*/ 4347 w 11655789"/>
                <a:gd name="connsiteY0" fmla="*/ 0 h 711437"/>
                <a:gd name="connsiteX1" fmla="*/ 11655789 w 11655789"/>
                <a:gd name="connsiteY1" fmla="*/ 0 h 711437"/>
                <a:gd name="connsiteX2" fmla="*/ 11655789 w 11655789"/>
                <a:gd name="connsiteY2" fmla="*/ 711437 h 711437"/>
                <a:gd name="connsiteX3" fmla="*/ 4347 w 11655789"/>
                <a:gd name="connsiteY3" fmla="*/ 711437 h 711437"/>
                <a:gd name="connsiteX4" fmla="*/ 5300 w 11655789"/>
                <a:gd name="connsiteY4" fmla="*/ 493014 h 711437"/>
                <a:gd name="connsiteX5" fmla="*/ 537 w 11655789"/>
                <a:gd name="connsiteY5" fmla="*/ 321564 h 711437"/>
                <a:gd name="connsiteX6" fmla="*/ 537 w 11655789"/>
                <a:gd name="connsiteY6" fmla="*/ 178689 h 711437"/>
                <a:gd name="connsiteX7" fmla="*/ 4347 w 11655789"/>
                <a:gd name="connsiteY7" fmla="*/ 0 h 711437"/>
                <a:gd name="connsiteX0" fmla="*/ 3815 w 11655257"/>
                <a:gd name="connsiteY0" fmla="*/ 0 h 711437"/>
                <a:gd name="connsiteX1" fmla="*/ 11655257 w 11655257"/>
                <a:gd name="connsiteY1" fmla="*/ 0 h 711437"/>
                <a:gd name="connsiteX2" fmla="*/ 11655257 w 11655257"/>
                <a:gd name="connsiteY2" fmla="*/ 711437 h 711437"/>
                <a:gd name="connsiteX3" fmla="*/ 3815 w 11655257"/>
                <a:gd name="connsiteY3" fmla="*/ 711437 h 711437"/>
                <a:gd name="connsiteX4" fmla="*/ 4768 w 11655257"/>
                <a:gd name="connsiteY4" fmla="*/ 493014 h 711437"/>
                <a:gd name="connsiteX5" fmla="*/ 5 w 11655257"/>
                <a:gd name="connsiteY5" fmla="*/ 321564 h 711437"/>
                <a:gd name="connsiteX6" fmla="*/ 104780 w 11655257"/>
                <a:gd name="connsiteY6" fmla="*/ 202501 h 711437"/>
                <a:gd name="connsiteX7" fmla="*/ 3815 w 11655257"/>
                <a:gd name="connsiteY7" fmla="*/ 0 h 711437"/>
                <a:gd name="connsiteX0" fmla="*/ 3815 w 11655257"/>
                <a:gd name="connsiteY0" fmla="*/ 0 h 711437"/>
                <a:gd name="connsiteX1" fmla="*/ 11655257 w 11655257"/>
                <a:gd name="connsiteY1" fmla="*/ 0 h 711437"/>
                <a:gd name="connsiteX2" fmla="*/ 11655257 w 11655257"/>
                <a:gd name="connsiteY2" fmla="*/ 711437 h 711437"/>
                <a:gd name="connsiteX3" fmla="*/ 3815 w 11655257"/>
                <a:gd name="connsiteY3" fmla="*/ 711437 h 711437"/>
                <a:gd name="connsiteX4" fmla="*/ 80968 w 11655257"/>
                <a:gd name="connsiteY4" fmla="*/ 497776 h 711437"/>
                <a:gd name="connsiteX5" fmla="*/ 5 w 11655257"/>
                <a:gd name="connsiteY5" fmla="*/ 321564 h 711437"/>
                <a:gd name="connsiteX6" fmla="*/ 104780 w 11655257"/>
                <a:gd name="connsiteY6" fmla="*/ 202501 h 711437"/>
                <a:gd name="connsiteX7" fmla="*/ 3815 w 11655257"/>
                <a:gd name="connsiteY7" fmla="*/ 0 h 71143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11655257" h="711437">
                  <a:moveTo>
                    <a:pt x="3815" y="0"/>
                  </a:moveTo>
                  <a:lnTo>
                    <a:pt x="11655257" y="0"/>
                  </a:lnTo>
                  <a:lnTo>
                    <a:pt x="11655257" y="711437"/>
                  </a:lnTo>
                  <a:lnTo>
                    <a:pt x="3815" y="711437"/>
                  </a:lnTo>
                  <a:cubicBezTo>
                    <a:pt x="4133" y="638629"/>
                    <a:pt x="80650" y="570584"/>
                    <a:pt x="80968" y="497776"/>
                  </a:cubicBezTo>
                  <a:cubicBezTo>
                    <a:pt x="80333" y="432797"/>
                    <a:pt x="799" y="373951"/>
                    <a:pt x="5" y="321564"/>
                  </a:cubicBezTo>
                  <a:cubicBezTo>
                    <a:pt x="-789" y="269177"/>
                    <a:pt x="104145" y="256095"/>
                    <a:pt x="104780" y="202501"/>
                  </a:cubicBezTo>
                  <a:lnTo>
                    <a:pt x="3815" y="0"/>
                  </a:lnTo>
                  <a:close/>
                </a:path>
              </a:pathLst>
            </a:custGeom>
            <a:solidFill>
              <a:srgbClr val="DDDDDD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anchor="ctr"/>
            <a:lstStyle/>
            <a:p>
              <a:pPr marL="363538"/>
              <a:r>
                <a:rPr lang="en-US" sz="2400" b="1" cap="all" dirty="0">
                  <a:solidFill>
                    <a:srgbClr val="009051"/>
                  </a:solidFill>
                  <a:latin typeface="Verdana" panose="020B0604030504040204" pitchFamily="34" charset="0"/>
                </a:rPr>
                <a:t>investors – Share Class A</a:t>
              </a:r>
            </a:p>
          </p:txBody>
        </p:sp>
        <p:sp>
          <p:nvSpPr>
            <p:cNvPr id="15" name="Freeform 7"/>
            <p:cNvSpPr>
              <a:spLocks noChangeAspect="1"/>
            </p:cNvSpPr>
            <p:nvPr/>
          </p:nvSpPr>
          <p:spPr bwMode="auto">
            <a:xfrm>
              <a:off x="1482501" y="3672758"/>
              <a:ext cx="536961" cy="711437"/>
            </a:xfrm>
            <a:custGeom>
              <a:avLst/>
              <a:gdLst>
                <a:gd name="T0" fmla="*/ 274 w 302"/>
                <a:gd name="T1" fmla="*/ 211 h 398"/>
                <a:gd name="T2" fmla="*/ 294 w 302"/>
                <a:gd name="T3" fmla="*/ 236 h 398"/>
                <a:gd name="T4" fmla="*/ 302 w 302"/>
                <a:gd name="T5" fmla="*/ 275 h 398"/>
                <a:gd name="T6" fmla="*/ 291 w 302"/>
                <a:gd name="T7" fmla="*/ 325 h 398"/>
                <a:gd name="T8" fmla="*/ 258 w 302"/>
                <a:gd name="T9" fmla="*/ 365 h 398"/>
                <a:gd name="T10" fmla="*/ 208 w 302"/>
                <a:gd name="T11" fmla="*/ 390 h 398"/>
                <a:gd name="T12" fmla="*/ 137 w 302"/>
                <a:gd name="T13" fmla="*/ 398 h 398"/>
                <a:gd name="T14" fmla="*/ 56 w 302"/>
                <a:gd name="T15" fmla="*/ 391 h 398"/>
                <a:gd name="T16" fmla="*/ 0 w 302"/>
                <a:gd name="T17" fmla="*/ 374 h 398"/>
                <a:gd name="T18" fmla="*/ 0 w 302"/>
                <a:gd name="T19" fmla="*/ 290 h 398"/>
                <a:gd name="T20" fmla="*/ 10 w 302"/>
                <a:gd name="T21" fmla="*/ 290 h 398"/>
                <a:gd name="T22" fmla="*/ 63 w 302"/>
                <a:gd name="T23" fmla="*/ 313 h 398"/>
                <a:gd name="T24" fmla="*/ 119 w 302"/>
                <a:gd name="T25" fmla="*/ 323 h 398"/>
                <a:gd name="T26" fmla="*/ 151 w 302"/>
                <a:gd name="T27" fmla="*/ 321 h 398"/>
                <a:gd name="T28" fmla="*/ 181 w 302"/>
                <a:gd name="T29" fmla="*/ 310 h 398"/>
                <a:gd name="T30" fmla="*/ 196 w 302"/>
                <a:gd name="T31" fmla="*/ 295 h 398"/>
                <a:gd name="T32" fmla="*/ 202 w 302"/>
                <a:gd name="T33" fmla="*/ 268 h 398"/>
                <a:gd name="T34" fmla="*/ 194 w 302"/>
                <a:gd name="T35" fmla="*/ 242 h 398"/>
                <a:gd name="T36" fmla="*/ 174 w 302"/>
                <a:gd name="T37" fmla="*/ 229 h 398"/>
                <a:gd name="T38" fmla="*/ 143 w 302"/>
                <a:gd name="T39" fmla="*/ 225 h 398"/>
                <a:gd name="T40" fmla="*/ 111 w 302"/>
                <a:gd name="T41" fmla="*/ 225 h 398"/>
                <a:gd name="T42" fmla="*/ 90 w 302"/>
                <a:gd name="T43" fmla="*/ 225 h 398"/>
                <a:gd name="T44" fmla="*/ 90 w 302"/>
                <a:gd name="T45" fmla="*/ 156 h 398"/>
                <a:gd name="T46" fmla="*/ 111 w 302"/>
                <a:gd name="T47" fmla="*/ 156 h 398"/>
                <a:gd name="T48" fmla="*/ 147 w 302"/>
                <a:gd name="T49" fmla="*/ 155 h 398"/>
                <a:gd name="T50" fmla="*/ 173 w 302"/>
                <a:gd name="T51" fmla="*/ 149 h 398"/>
                <a:gd name="T52" fmla="*/ 190 w 302"/>
                <a:gd name="T53" fmla="*/ 136 h 398"/>
                <a:gd name="T54" fmla="*/ 196 w 302"/>
                <a:gd name="T55" fmla="*/ 112 h 398"/>
                <a:gd name="T56" fmla="*/ 190 w 302"/>
                <a:gd name="T57" fmla="*/ 94 h 398"/>
                <a:gd name="T58" fmla="*/ 175 w 302"/>
                <a:gd name="T59" fmla="*/ 83 h 398"/>
                <a:gd name="T60" fmla="*/ 151 w 302"/>
                <a:gd name="T61" fmla="*/ 76 h 398"/>
                <a:gd name="T62" fmla="*/ 128 w 302"/>
                <a:gd name="T63" fmla="*/ 75 h 398"/>
                <a:gd name="T64" fmla="*/ 75 w 302"/>
                <a:gd name="T65" fmla="*/ 83 h 398"/>
                <a:gd name="T66" fmla="*/ 21 w 302"/>
                <a:gd name="T67" fmla="*/ 107 h 398"/>
                <a:gd name="T68" fmla="*/ 11 w 302"/>
                <a:gd name="T69" fmla="*/ 107 h 398"/>
                <a:gd name="T70" fmla="*/ 11 w 302"/>
                <a:gd name="T71" fmla="*/ 24 h 398"/>
                <a:gd name="T72" fmla="*/ 68 w 302"/>
                <a:gd name="T73" fmla="*/ 8 h 398"/>
                <a:gd name="T74" fmla="*/ 142 w 302"/>
                <a:gd name="T75" fmla="*/ 0 h 398"/>
                <a:gd name="T76" fmla="*/ 205 w 302"/>
                <a:gd name="T77" fmla="*/ 7 h 398"/>
                <a:gd name="T78" fmla="*/ 250 w 302"/>
                <a:gd name="T79" fmla="*/ 23 h 398"/>
                <a:gd name="T80" fmla="*/ 282 w 302"/>
                <a:gd name="T81" fmla="*/ 54 h 398"/>
                <a:gd name="T82" fmla="*/ 292 w 302"/>
                <a:gd name="T83" fmla="*/ 96 h 398"/>
                <a:gd name="T84" fmla="*/ 272 w 302"/>
                <a:gd name="T85" fmla="*/ 153 h 398"/>
                <a:gd name="T86" fmla="*/ 220 w 302"/>
                <a:gd name="T87" fmla="*/ 185 h 398"/>
                <a:gd name="T88" fmla="*/ 220 w 302"/>
                <a:gd name="T89" fmla="*/ 188 h 398"/>
                <a:gd name="T90" fmla="*/ 248 w 302"/>
                <a:gd name="T91" fmla="*/ 196 h 398"/>
                <a:gd name="T92" fmla="*/ 274 w 302"/>
                <a:gd name="T93" fmla="*/ 211 h 3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302" h="398">
                  <a:moveTo>
                    <a:pt x="274" y="211"/>
                  </a:moveTo>
                  <a:cubicBezTo>
                    <a:pt x="283" y="218"/>
                    <a:pt x="289" y="227"/>
                    <a:pt x="294" y="236"/>
                  </a:cubicBezTo>
                  <a:cubicBezTo>
                    <a:pt x="299" y="246"/>
                    <a:pt x="302" y="259"/>
                    <a:pt x="302" y="275"/>
                  </a:cubicBezTo>
                  <a:cubicBezTo>
                    <a:pt x="302" y="293"/>
                    <a:pt x="298" y="309"/>
                    <a:pt x="291" y="325"/>
                  </a:cubicBezTo>
                  <a:cubicBezTo>
                    <a:pt x="284" y="341"/>
                    <a:pt x="273" y="354"/>
                    <a:pt x="258" y="365"/>
                  </a:cubicBezTo>
                  <a:cubicBezTo>
                    <a:pt x="244" y="376"/>
                    <a:pt x="227" y="384"/>
                    <a:pt x="208" y="390"/>
                  </a:cubicBezTo>
                  <a:cubicBezTo>
                    <a:pt x="188" y="395"/>
                    <a:pt x="165" y="398"/>
                    <a:pt x="137" y="398"/>
                  </a:cubicBezTo>
                  <a:cubicBezTo>
                    <a:pt x="105" y="398"/>
                    <a:pt x="78" y="396"/>
                    <a:pt x="56" y="391"/>
                  </a:cubicBezTo>
                  <a:cubicBezTo>
                    <a:pt x="33" y="386"/>
                    <a:pt x="14" y="380"/>
                    <a:pt x="0" y="374"/>
                  </a:cubicBezTo>
                  <a:cubicBezTo>
                    <a:pt x="0" y="290"/>
                    <a:pt x="0" y="290"/>
                    <a:pt x="0" y="290"/>
                  </a:cubicBezTo>
                  <a:cubicBezTo>
                    <a:pt x="10" y="290"/>
                    <a:pt x="10" y="290"/>
                    <a:pt x="10" y="290"/>
                  </a:cubicBezTo>
                  <a:cubicBezTo>
                    <a:pt x="25" y="299"/>
                    <a:pt x="43" y="307"/>
                    <a:pt x="63" y="313"/>
                  </a:cubicBezTo>
                  <a:cubicBezTo>
                    <a:pt x="83" y="320"/>
                    <a:pt x="102" y="323"/>
                    <a:pt x="119" y="323"/>
                  </a:cubicBezTo>
                  <a:cubicBezTo>
                    <a:pt x="129" y="323"/>
                    <a:pt x="140" y="322"/>
                    <a:pt x="151" y="321"/>
                  </a:cubicBezTo>
                  <a:cubicBezTo>
                    <a:pt x="163" y="319"/>
                    <a:pt x="173" y="316"/>
                    <a:pt x="181" y="310"/>
                  </a:cubicBezTo>
                  <a:cubicBezTo>
                    <a:pt x="187" y="306"/>
                    <a:pt x="192" y="301"/>
                    <a:pt x="196" y="295"/>
                  </a:cubicBezTo>
                  <a:cubicBezTo>
                    <a:pt x="200" y="288"/>
                    <a:pt x="202" y="280"/>
                    <a:pt x="202" y="268"/>
                  </a:cubicBezTo>
                  <a:cubicBezTo>
                    <a:pt x="202" y="257"/>
                    <a:pt x="199" y="249"/>
                    <a:pt x="194" y="242"/>
                  </a:cubicBezTo>
                  <a:cubicBezTo>
                    <a:pt x="189" y="236"/>
                    <a:pt x="182" y="232"/>
                    <a:pt x="174" y="229"/>
                  </a:cubicBezTo>
                  <a:cubicBezTo>
                    <a:pt x="165" y="227"/>
                    <a:pt x="155" y="225"/>
                    <a:pt x="143" y="225"/>
                  </a:cubicBezTo>
                  <a:cubicBezTo>
                    <a:pt x="132" y="225"/>
                    <a:pt x="121" y="225"/>
                    <a:pt x="111" y="225"/>
                  </a:cubicBezTo>
                  <a:cubicBezTo>
                    <a:pt x="90" y="225"/>
                    <a:pt x="90" y="225"/>
                    <a:pt x="90" y="225"/>
                  </a:cubicBezTo>
                  <a:cubicBezTo>
                    <a:pt x="90" y="156"/>
                    <a:pt x="90" y="156"/>
                    <a:pt x="90" y="156"/>
                  </a:cubicBezTo>
                  <a:cubicBezTo>
                    <a:pt x="111" y="156"/>
                    <a:pt x="111" y="156"/>
                    <a:pt x="111" y="156"/>
                  </a:cubicBezTo>
                  <a:cubicBezTo>
                    <a:pt x="125" y="156"/>
                    <a:pt x="136" y="156"/>
                    <a:pt x="147" y="155"/>
                  </a:cubicBezTo>
                  <a:cubicBezTo>
                    <a:pt x="157" y="154"/>
                    <a:pt x="166" y="152"/>
                    <a:pt x="173" y="149"/>
                  </a:cubicBezTo>
                  <a:cubicBezTo>
                    <a:pt x="180" y="146"/>
                    <a:pt x="186" y="142"/>
                    <a:pt x="190" y="136"/>
                  </a:cubicBezTo>
                  <a:cubicBezTo>
                    <a:pt x="194" y="131"/>
                    <a:pt x="196" y="123"/>
                    <a:pt x="196" y="112"/>
                  </a:cubicBezTo>
                  <a:cubicBezTo>
                    <a:pt x="196" y="105"/>
                    <a:pt x="194" y="99"/>
                    <a:pt x="190" y="94"/>
                  </a:cubicBezTo>
                  <a:cubicBezTo>
                    <a:pt x="186" y="89"/>
                    <a:pt x="181" y="85"/>
                    <a:pt x="175" y="83"/>
                  </a:cubicBezTo>
                  <a:cubicBezTo>
                    <a:pt x="168" y="80"/>
                    <a:pt x="160" y="78"/>
                    <a:pt x="151" y="76"/>
                  </a:cubicBezTo>
                  <a:cubicBezTo>
                    <a:pt x="142" y="75"/>
                    <a:pt x="134" y="75"/>
                    <a:pt x="128" y="75"/>
                  </a:cubicBezTo>
                  <a:cubicBezTo>
                    <a:pt x="112" y="75"/>
                    <a:pt x="94" y="78"/>
                    <a:pt x="75" y="83"/>
                  </a:cubicBezTo>
                  <a:cubicBezTo>
                    <a:pt x="57" y="89"/>
                    <a:pt x="38" y="97"/>
                    <a:pt x="21" y="107"/>
                  </a:cubicBezTo>
                  <a:cubicBezTo>
                    <a:pt x="11" y="107"/>
                    <a:pt x="11" y="107"/>
                    <a:pt x="11" y="107"/>
                  </a:cubicBezTo>
                  <a:cubicBezTo>
                    <a:pt x="11" y="24"/>
                    <a:pt x="11" y="24"/>
                    <a:pt x="11" y="24"/>
                  </a:cubicBezTo>
                  <a:cubicBezTo>
                    <a:pt x="25" y="19"/>
                    <a:pt x="44" y="13"/>
                    <a:pt x="68" y="8"/>
                  </a:cubicBezTo>
                  <a:cubicBezTo>
                    <a:pt x="93" y="3"/>
                    <a:pt x="117" y="0"/>
                    <a:pt x="142" y="0"/>
                  </a:cubicBezTo>
                  <a:cubicBezTo>
                    <a:pt x="166" y="0"/>
                    <a:pt x="187" y="2"/>
                    <a:pt x="205" y="7"/>
                  </a:cubicBezTo>
                  <a:cubicBezTo>
                    <a:pt x="223" y="11"/>
                    <a:pt x="238" y="16"/>
                    <a:pt x="250" y="23"/>
                  </a:cubicBezTo>
                  <a:cubicBezTo>
                    <a:pt x="264" y="32"/>
                    <a:pt x="275" y="42"/>
                    <a:pt x="282" y="54"/>
                  </a:cubicBezTo>
                  <a:cubicBezTo>
                    <a:pt x="288" y="66"/>
                    <a:pt x="292" y="80"/>
                    <a:pt x="292" y="96"/>
                  </a:cubicBezTo>
                  <a:cubicBezTo>
                    <a:pt x="292" y="117"/>
                    <a:pt x="285" y="136"/>
                    <a:pt x="272" y="153"/>
                  </a:cubicBezTo>
                  <a:cubicBezTo>
                    <a:pt x="259" y="170"/>
                    <a:pt x="241" y="180"/>
                    <a:pt x="220" y="185"/>
                  </a:cubicBezTo>
                  <a:cubicBezTo>
                    <a:pt x="220" y="188"/>
                    <a:pt x="220" y="188"/>
                    <a:pt x="220" y="188"/>
                  </a:cubicBezTo>
                  <a:cubicBezTo>
                    <a:pt x="229" y="190"/>
                    <a:pt x="238" y="192"/>
                    <a:pt x="248" y="196"/>
                  </a:cubicBezTo>
                  <a:cubicBezTo>
                    <a:pt x="257" y="199"/>
                    <a:pt x="266" y="204"/>
                    <a:pt x="274" y="211"/>
                  </a:cubicBezTo>
                  <a:close/>
                </a:path>
              </a:pathLst>
            </a:custGeom>
            <a:solidFill>
              <a:srgbClr val="00905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9051"/>
                </a:solidFill>
              </a:endParaRPr>
            </a:p>
          </p:txBody>
        </p:sp>
      </p:grpSp>
      <p:grpSp>
        <p:nvGrpSpPr>
          <p:cNvPr id="10" name="Group 9">
            <a:extLst>
              <a:ext uri="{FF2B5EF4-FFF2-40B4-BE49-F238E27FC236}">
                <a16:creationId xmlns:a16="http://schemas.microsoft.com/office/drawing/2014/main" id="{A787E21E-7918-48DF-B396-29B4CE38F1DC}"/>
              </a:ext>
            </a:extLst>
          </p:cNvPr>
          <p:cNvGrpSpPr/>
          <p:nvPr/>
        </p:nvGrpSpPr>
        <p:grpSpPr>
          <a:xfrm>
            <a:off x="1445243" y="4441674"/>
            <a:ext cx="9925123" cy="711438"/>
            <a:chOff x="1445243" y="4638194"/>
            <a:chExt cx="9925123" cy="711438"/>
          </a:xfrm>
        </p:grpSpPr>
        <p:sp>
          <p:nvSpPr>
            <p:cNvPr id="17" name="Rectangle 16"/>
            <p:cNvSpPr/>
            <p:nvPr>
              <p:custDataLst>
                <p:tags r:id="rId5"/>
              </p:custDataLst>
            </p:nvPr>
          </p:nvSpPr>
          <p:spPr>
            <a:xfrm>
              <a:off x="1816792" y="4638195"/>
              <a:ext cx="9553574" cy="711437"/>
            </a:xfrm>
            <a:prstGeom prst="rect">
              <a:avLst/>
            </a:prstGeom>
            <a:solidFill>
              <a:srgbClr val="DDDDDD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anchor="ctr"/>
            <a:lstStyle/>
            <a:p>
              <a:pPr marL="363538"/>
              <a:r>
                <a:rPr lang="en-US" sz="2400" b="1" cap="all" dirty="0">
                  <a:solidFill>
                    <a:srgbClr val="009051"/>
                  </a:solidFill>
                  <a:latin typeface="Verdana" panose="020B0604030504040204" pitchFamily="34" charset="0"/>
                </a:rPr>
                <a:t>investors – Share Class B</a:t>
              </a:r>
            </a:p>
          </p:txBody>
        </p:sp>
        <p:sp>
          <p:nvSpPr>
            <p:cNvPr id="18" name="Freeform 8"/>
            <p:cNvSpPr>
              <a:spLocks noChangeAspect="1" noEditPoints="1"/>
            </p:cNvSpPr>
            <p:nvPr/>
          </p:nvSpPr>
          <p:spPr bwMode="auto">
            <a:xfrm>
              <a:off x="1445243" y="4638194"/>
              <a:ext cx="611476" cy="711437"/>
            </a:xfrm>
            <a:custGeom>
              <a:avLst/>
              <a:gdLst>
                <a:gd name="T0" fmla="*/ 783 w 783"/>
                <a:gd name="T1" fmla="*/ 699 h 911"/>
                <a:gd name="T2" fmla="*/ 660 w 783"/>
                <a:gd name="T3" fmla="*/ 699 h 911"/>
                <a:gd name="T4" fmla="*/ 660 w 783"/>
                <a:gd name="T5" fmla="*/ 911 h 911"/>
                <a:gd name="T6" fmla="*/ 438 w 783"/>
                <a:gd name="T7" fmla="*/ 911 h 911"/>
                <a:gd name="T8" fmla="*/ 438 w 783"/>
                <a:gd name="T9" fmla="*/ 699 h 911"/>
                <a:gd name="T10" fmla="*/ 0 w 783"/>
                <a:gd name="T11" fmla="*/ 699 h 911"/>
                <a:gd name="T12" fmla="*/ 0 w 783"/>
                <a:gd name="T13" fmla="*/ 528 h 911"/>
                <a:gd name="T14" fmla="*/ 421 w 783"/>
                <a:gd name="T15" fmla="*/ 0 h 911"/>
                <a:gd name="T16" fmla="*/ 660 w 783"/>
                <a:gd name="T17" fmla="*/ 0 h 911"/>
                <a:gd name="T18" fmla="*/ 660 w 783"/>
                <a:gd name="T19" fmla="*/ 535 h 911"/>
                <a:gd name="T20" fmla="*/ 783 w 783"/>
                <a:gd name="T21" fmla="*/ 535 h 911"/>
                <a:gd name="T22" fmla="*/ 783 w 783"/>
                <a:gd name="T23" fmla="*/ 699 h 911"/>
                <a:gd name="T24" fmla="*/ 438 w 783"/>
                <a:gd name="T25" fmla="*/ 535 h 911"/>
                <a:gd name="T26" fmla="*/ 438 w 783"/>
                <a:gd name="T27" fmla="*/ 204 h 911"/>
                <a:gd name="T28" fmla="*/ 173 w 783"/>
                <a:gd name="T29" fmla="*/ 535 h 911"/>
                <a:gd name="T30" fmla="*/ 438 w 783"/>
                <a:gd name="T31" fmla="*/ 535 h 91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783" h="911">
                  <a:moveTo>
                    <a:pt x="783" y="699"/>
                  </a:moveTo>
                  <a:lnTo>
                    <a:pt x="660" y="699"/>
                  </a:lnTo>
                  <a:lnTo>
                    <a:pt x="660" y="911"/>
                  </a:lnTo>
                  <a:lnTo>
                    <a:pt x="438" y="911"/>
                  </a:lnTo>
                  <a:lnTo>
                    <a:pt x="438" y="699"/>
                  </a:lnTo>
                  <a:lnTo>
                    <a:pt x="0" y="699"/>
                  </a:lnTo>
                  <a:lnTo>
                    <a:pt x="0" y="528"/>
                  </a:lnTo>
                  <a:lnTo>
                    <a:pt x="421" y="0"/>
                  </a:lnTo>
                  <a:lnTo>
                    <a:pt x="660" y="0"/>
                  </a:lnTo>
                  <a:lnTo>
                    <a:pt x="660" y="535"/>
                  </a:lnTo>
                  <a:lnTo>
                    <a:pt x="783" y="535"/>
                  </a:lnTo>
                  <a:lnTo>
                    <a:pt x="783" y="699"/>
                  </a:lnTo>
                  <a:close/>
                  <a:moveTo>
                    <a:pt x="438" y="535"/>
                  </a:moveTo>
                  <a:lnTo>
                    <a:pt x="438" y="204"/>
                  </a:lnTo>
                  <a:lnTo>
                    <a:pt x="173" y="535"/>
                  </a:lnTo>
                  <a:lnTo>
                    <a:pt x="438" y="535"/>
                  </a:lnTo>
                  <a:close/>
                </a:path>
              </a:pathLst>
            </a:custGeom>
            <a:solidFill>
              <a:srgbClr val="00905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13" name="Group 12">
            <a:extLst>
              <a:ext uri="{FF2B5EF4-FFF2-40B4-BE49-F238E27FC236}">
                <a16:creationId xmlns:a16="http://schemas.microsoft.com/office/drawing/2014/main" id="{B675FD15-74F6-4B4B-849B-A337A58CBE4C}"/>
              </a:ext>
            </a:extLst>
          </p:cNvPr>
          <p:cNvGrpSpPr/>
          <p:nvPr/>
        </p:nvGrpSpPr>
        <p:grpSpPr>
          <a:xfrm>
            <a:off x="1547901" y="5311869"/>
            <a:ext cx="9822464" cy="711438"/>
            <a:chOff x="1547901" y="5603631"/>
            <a:chExt cx="9822464" cy="711438"/>
          </a:xfrm>
        </p:grpSpPr>
        <p:sp>
          <p:nvSpPr>
            <p:cNvPr id="20" name="Rectangle 45"/>
            <p:cNvSpPr/>
            <p:nvPr>
              <p:custDataLst>
                <p:tags r:id="rId4"/>
              </p:custDataLst>
            </p:nvPr>
          </p:nvSpPr>
          <p:spPr>
            <a:xfrm>
              <a:off x="1716432" y="5603632"/>
              <a:ext cx="9653933" cy="711437"/>
            </a:xfrm>
            <a:custGeom>
              <a:avLst/>
              <a:gdLst>
                <a:gd name="connsiteX0" fmla="*/ 0 w 11788806"/>
                <a:gd name="connsiteY0" fmla="*/ 0 h 711437"/>
                <a:gd name="connsiteX1" fmla="*/ 11788806 w 11788806"/>
                <a:gd name="connsiteY1" fmla="*/ 0 h 711437"/>
                <a:gd name="connsiteX2" fmla="*/ 11788806 w 11788806"/>
                <a:gd name="connsiteY2" fmla="*/ 711437 h 711437"/>
                <a:gd name="connsiteX3" fmla="*/ 0 w 11788806"/>
                <a:gd name="connsiteY3" fmla="*/ 711437 h 711437"/>
                <a:gd name="connsiteX4" fmla="*/ 0 w 11788806"/>
                <a:gd name="connsiteY4" fmla="*/ 0 h 711437"/>
                <a:gd name="connsiteX0" fmla="*/ 1906 w 11790712"/>
                <a:gd name="connsiteY0" fmla="*/ 0 h 711437"/>
                <a:gd name="connsiteX1" fmla="*/ 11790712 w 11790712"/>
                <a:gd name="connsiteY1" fmla="*/ 0 h 711437"/>
                <a:gd name="connsiteX2" fmla="*/ 11790712 w 11790712"/>
                <a:gd name="connsiteY2" fmla="*/ 711437 h 711437"/>
                <a:gd name="connsiteX3" fmla="*/ 1906 w 11790712"/>
                <a:gd name="connsiteY3" fmla="*/ 711437 h 711437"/>
                <a:gd name="connsiteX4" fmla="*/ 0 w 11790712"/>
                <a:gd name="connsiteY4" fmla="*/ 476665 h 711437"/>
                <a:gd name="connsiteX5" fmla="*/ 1906 w 11790712"/>
                <a:gd name="connsiteY5" fmla="*/ 0 h 711437"/>
                <a:gd name="connsiteX0" fmla="*/ 2 w 11788808"/>
                <a:gd name="connsiteY0" fmla="*/ 0 h 711437"/>
                <a:gd name="connsiteX1" fmla="*/ 11788808 w 11788808"/>
                <a:gd name="connsiteY1" fmla="*/ 0 h 711437"/>
                <a:gd name="connsiteX2" fmla="*/ 11788808 w 11788808"/>
                <a:gd name="connsiteY2" fmla="*/ 711437 h 711437"/>
                <a:gd name="connsiteX3" fmla="*/ 2 w 11788808"/>
                <a:gd name="connsiteY3" fmla="*/ 711437 h 711437"/>
                <a:gd name="connsiteX4" fmla="*/ 271146 w 11788808"/>
                <a:gd name="connsiteY4" fmla="*/ 492540 h 711437"/>
                <a:gd name="connsiteX5" fmla="*/ 2 w 11788808"/>
                <a:gd name="connsiteY5" fmla="*/ 0 h 711437"/>
                <a:gd name="connsiteX0" fmla="*/ 845257 w 12634063"/>
                <a:gd name="connsiteY0" fmla="*/ 0 h 711437"/>
                <a:gd name="connsiteX1" fmla="*/ 12634063 w 12634063"/>
                <a:gd name="connsiteY1" fmla="*/ 0 h 711437"/>
                <a:gd name="connsiteX2" fmla="*/ 12634063 w 12634063"/>
                <a:gd name="connsiteY2" fmla="*/ 711437 h 711437"/>
                <a:gd name="connsiteX3" fmla="*/ 845257 w 12634063"/>
                <a:gd name="connsiteY3" fmla="*/ 711437 h 711437"/>
                <a:gd name="connsiteX4" fmla="*/ 1116401 w 12634063"/>
                <a:gd name="connsiteY4" fmla="*/ 492540 h 711437"/>
                <a:gd name="connsiteX5" fmla="*/ 960826 w 12634063"/>
                <a:gd name="connsiteY5" fmla="*/ 219490 h 711437"/>
                <a:gd name="connsiteX6" fmla="*/ 845257 w 12634063"/>
                <a:gd name="connsiteY6" fmla="*/ 0 h 711437"/>
                <a:gd name="connsiteX0" fmla="*/ 845257 w 12634063"/>
                <a:gd name="connsiteY0" fmla="*/ 0 h 711437"/>
                <a:gd name="connsiteX1" fmla="*/ 12634063 w 12634063"/>
                <a:gd name="connsiteY1" fmla="*/ 0 h 711437"/>
                <a:gd name="connsiteX2" fmla="*/ 12634063 w 12634063"/>
                <a:gd name="connsiteY2" fmla="*/ 711437 h 711437"/>
                <a:gd name="connsiteX3" fmla="*/ 845257 w 12634063"/>
                <a:gd name="connsiteY3" fmla="*/ 711437 h 711437"/>
                <a:gd name="connsiteX4" fmla="*/ 1116401 w 12634063"/>
                <a:gd name="connsiteY4" fmla="*/ 492540 h 711437"/>
                <a:gd name="connsiteX5" fmla="*/ 960826 w 12634063"/>
                <a:gd name="connsiteY5" fmla="*/ 219490 h 711437"/>
                <a:gd name="connsiteX6" fmla="*/ 845257 w 12634063"/>
                <a:gd name="connsiteY6" fmla="*/ 0 h 711437"/>
                <a:gd name="connsiteX0" fmla="*/ 3208 w 11792014"/>
                <a:gd name="connsiteY0" fmla="*/ 0 h 711437"/>
                <a:gd name="connsiteX1" fmla="*/ 11792014 w 11792014"/>
                <a:gd name="connsiteY1" fmla="*/ 0 h 711437"/>
                <a:gd name="connsiteX2" fmla="*/ 11792014 w 11792014"/>
                <a:gd name="connsiteY2" fmla="*/ 711437 h 711437"/>
                <a:gd name="connsiteX3" fmla="*/ 3208 w 11792014"/>
                <a:gd name="connsiteY3" fmla="*/ 711437 h 711437"/>
                <a:gd name="connsiteX4" fmla="*/ 274352 w 11792014"/>
                <a:gd name="connsiteY4" fmla="*/ 492540 h 711437"/>
                <a:gd name="connsiteX5" fmla="*/ 118777 w 11792014"/>
                <a:gd name="connsiteY5" fmla="*/ 219490 h 711437"/>
                <a:gd name="connsiteX6" fmla="*/ 3208 w 11792014"/>
                <a:gd name="connsiteY6" fmla="*/ 0 h 711437"/>
                <a:gd name="connsiteX0" fmla="*/ 24969 w 11813775"/>
                <a:gd name="connsiteY0" fmla="*/ 0 h 711437"/>
                <a:gd name="connsiteX1" fmla="*/ 11813775 w 11813775"/>
                <a:gd name="connsiteY1" fmla="*/ 0 h 711437"/>
                <a:gd name="connsiteX2" fmla="*/ 11813775 w 11813775"/>
                <a:gd name="connsiteY2" fmla="*/ 711437 h 711437"/>
                <a:gd name="connsiteX3" fmla="*/ 24969 w 11813775"/>
                <a:gd name="connsiteY3" fmla="*/ 711437 h 711437"/>
                <a:gd name="connsiteX4" fmla="*/ 296113 w 11813775"/>
                <a:gd name="connsiteY4" fmla="*/ 492540 h 711437"/>
                <a:gd name="connsiteX5" fmla="*/ 26238 w 11813775"/>
                <a:gd name="connsiteY5" fmla="*/ 282990 h 711437"/>
                <a:gd name="connsiteX6" fmla="*/ 24969 w 11813775"/>
                <a:gd name="connsiteY6" fmla="*/ 0 h 711437"/>
                <a:gd name="connsiteX0" fmla="*/ 24969 w 11813775"/>
                <a:gd name="connsiteY0" fmla="*/ 0 h 711437"/>
                <a:gd name="connsiteX1" fmla="*/ 11813775 w 11813775"/>
                <a:gd name="connsiteY1" fmla="*/ 0 h 711437"/>
                <a:gd name="connsiteX2" fmla="*/ 11813775 w 11813775"/>
                <a:gd name="connsiteY2" fmla="*/ 711437 h 711437"/>
                <a:gd name="connsiteX3" fmla="*/ 24969 w 11813775"/>
                <a:gd name="connsiteY3" fmla="*/ 711437 h 711437"/>
                <a:gd name="connsiteX4" fmla="*/ 296113 w 11813775"/>
                <a:gd name="connsiteY4" fmla="*/ 492540 h 711437"/>
                <a:gd name="connsiteX5" fmla="*/ 26238 w 11813775"/>
                <a:gd name="connsiteY5" fmla="*/ 282990 h 711437"/>
                <a:gd name="connsiteX6" fmla="*/ 24969 w 11813775"/>
                <a:gd name="connsiteY6" fmla="*/ 0 h 71143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11813775" h="711437">
                  <a:moveTo>
                    <a:pt x="24969" y="0"/>
                  </a:moveTo>
                  <a:lnTo>
                    <a:pt x="11813775" y="0"/>
                  </a:lnTo>
                  <a:lnTo>
                    <a:pt x="11813775" y="711437"/>
                  </a:lnTo>
                  <a:lnTo>
                    <a:pt x="24969" y="711437"/>
                  </a:lnTo>
                  <a:cubicBezTo>
                    <a:pt x="24334" y="633180"/>
                    <a:pt x="296748" y="570797"/>
                    <a:pt x="296113" y="492540"/>
                  </a:cubicBezTo>
                  <a:cubicBezTo>
                    <a:pt x="315374" y="410549"/>
                    <a:pt x="61904" y="326980"/>
                    <a:pt x="26238" y="282990"/>
                  </a:cubicBezTo>
                  <a:cubicBezTo>
                    <a:pt x="-18953" y="200900"/>
                    <a:pt x="3480" y="265182"/>
                    <a:pt x="24969" y="0"/>
                  </a:cubicBezTo>
                  <a:close/>
                </a:path>
              </a:pathLst>
            </a:custGeom>
            <a:solidFill>
              <a:srgbClr val="DDDDDD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anchor="ctr"/>
            <a:lstStyle/>
            <a:p>
              <a:pPr marL="363538" indent="82550"/>
              <a:r>
                <a:rPr lang="en-US" sz="2400" b="1" cap="all" dirty="0">
                  <a:solidFill>
                    <a:srgbClr val="009051"/>
                  </a:solidFill>
                  <a:latin typeface="Verdana" panose="020B0604030504040204" pitchFamily="34" charset="0"/>
                </a:rPr>
                <a:t>FARMER’S Land Development FUND </a:t>
              </a:r>
            </a:p>
          </p:txBody>
        </p:sp>
        <p:sp>
          <p:nvSpPr>
            <p:cNvPr id="21" name="Freeform 9"/>
            <p:cNvSpPr>
              <a:spLocks noChangeAspect="1"/>
            </p:cNvSpPr>
            <p:nvPr/>
          </p:nvSpPr>
          <p:spPr bwMode="auto">
            <a:xfrm>
              <a:off x="1547901" y="5603631"/>
              <a:ext cx="539525" cy="711437"/>
            </a:xfrm>
            <a:custGeom>
              <a:avLst/>
              <a:gdLst>
                <a:gd name="T0" fmla="*/ 297 w 297"/>
                <a:gd name="T1" fmla="*/ 253 h 390"/>
                <a:gd name="T2" fmla="*/ 286 w 297"/>
                <a:gd name="T3" fmla="*/ 308 h 390"/>
                <a:gd name="T4" fmla="*/ 253 w 297"/>
                <a:gd name="T5" fmla="*/ 352 h 390"/>
                <a:gd name="T6" fmla="*/ 199 w 297"/>
                <a:gd name="T7" fmla="*/ 381 h 390"/>
                <a:gd name="T8" fmla="*/ 129 w 297"/>
                <a:gd name="T9" fmla="*/ 390 h 390"/>
                <a:gd name="T10" fmla="*/ 51 w 297"/>
                <a:gd name="T11" fmla="*/ 383 h 390"/>
                <a:gd name="T12" fmla="*/ 0 w 297"/>
                <a:gd name="T13" fmla="*/ 367 h 390"/>
                <a:gd name="T14" fmla="*/ 0 w 297"/>
                <a:gd name="T15" fmla="*/ 283 h 390"/>
                <a:gd name="T16" fmla="*/ 11 w 297"/>
                <a:gd name="T17" fmla="*/ 283 h 390"/>
                <a:gd name="T18" fmla="*/ 61 w 297"/>
                <a:gd name="T19" fmla="*/ 306 h 390"/>
                <a:gd name="T20" fmla="*/ 114 w 297"/>
                <a:gd name="T21" fmla="*/ 315 h 390"/>
                <a:gd name="T22" fmla="*/ 150 w 297"/>
                <a:gd name="T23" fmla="*/ 311 h 390"/>
                <a:gd name="T24" fmla="*/ 179 w 297"/>
                <a:gd name="T25" fmla="*/ 298 h 390"/>
                <a:gd name="T26" fmla="*/ 193 w 297"/>
                <a:gd name="T27" fmla="*/ 282 h 390"/>
                <a:gd name="T28" fmla="*/ 197 w 297"/>
                <a:gd name="T29" fmla="*/ 256 h 390"/>
                <a:gd name="T30" fmla="*/ 191 w 297"/>
                <a:gd name="T31" fmla="*/ 233 h 390"/>
                <a:gd name="T32" fmla="*/ 176 w 297"/>
                <a:gd name="T33" fmla="*/ 218 h 390"/>
                <a:gd name="T34" fmla="*/ 142 w 297"/>
                <a:gd name="T35" fmla="*/ 207 h 390"/>
                <a:gd name="T36" fmla="*/ 107 w 297"/>
                <a:gd name="T37" fmla="*/ 204 h 390"/>
                <a:gd name="T38" fmla="*/ 62 w 297"/>
                <a:gd name="T39" fmla="*/ 208 h 390"/>
                <a:gd name="T40" fmla="*/ 25 w 297"/>
                <a:gd name="T41" fmla="*/ 216 h 390"/>
                <a:gd name="T42" fmla="*/ 14 w 297"/>
                <a:gd name="T43" fmla="*/ 216 h 390"/>
                <a:gd name="T44" fmla="*/ 14 w 297"/>
                <a:gd name="T45" fmla="*/ 0 h 390"/>
                <a:gd name="T46" fmla="*/ 286 w 297"/>
                <a:gd name="T47" fmla="*/ 0 h 390"/>
                <a:gd name="T48" fmla="*/ 286 w 297"/>
                <a:gd name="T49" fmla="*/ 73 h 390"/>
                <a:gd name="T50" fmla="*/ 107 w 297"/>
                <a:gd name="T51" fmla="*/ 73 h 390"/>
                <a:gd name="T52" fmla="*/ 107 w 297"/>
                <a:gd name="T53" fmla="*/ 136 h 390"/>
                <a:gd name="T54" fmla="*/ 127 w 297"/>
                <a:gd name="T55" fmla="*/ 135 h 390"/>
                <a:gd name="T56" fmla="*/ 148 w 297"/>
                <a:gd name="T57" fmla="*/ 134 h 390"/>
                <a:gd name="T58" fmla="*/ 205 w 297"/>
                <a:gd name="T59" fmla="*/ 140 h 390"/>
                <a:gd name="T60" fmla="*/ 247 w 297"/>
                <a:gd name="T61" fmla="*/ 157 h 390"/>
                <a:gd name="T62" fmla="*/ 284 w 297"/>
                <a:gd name="T63" fmla="*/ 195 h 390"/>
                <a:gd name="T64" fmla="*/ 297 w 297"/>
                <a:gd name="T65" fmla="*/ 253 h 3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297" h="390">
                  <a:moveTo>
                    <a:pt x="297" y="253"/>
                  </a:moveTo>
                  <a:cubicBezTo>
                    <a:pt x="297" y="273"/>
                    <a:pt x="293" y="291"/>
                    <a:pt x="286" y="308"/>
                  </a:cubicBezTo>
                  <a:cubicBezTo>
                    <a:pt x="278" y="325"/>
                    <a:pt x="268" y="340"/>
                    <a:pt x="253" y="352"/>
                  </a:cubicBezTo>
                  <a:cubicBezTo>
                    <a:pt x="238" y="365"/>
                    <a:pt x="219" y="375"/>
                    <a:pt x="199" y="381"/>
                  </a:cubicBezTo>
                  <a:cubicBezTo>
                    <a:pt x="179" y="387"/>
                    <a:pt x="155" y="390"/>
                    <a:pt x="129" y="390"/>
                  </a:cubicBezTo>
                  <a:cubicBezTo>
                    <a:pt x="98" y="390"/>
                    <a:pt x="73" y="388"/>
                    <a:pt x="51" y="383"/>
                  </a:cubicBezTo>
                  <a:cubicBezTo>
                    <a:pt x="30" y="378"/>
                    <a:pt x="13" y="373"/>
                    <a:pt x="0" y="367"/>
                  </a:cubicBezTo>
                  <a:cubicBezTo>
                    <a:pt x="0" y="283"/>
                    <a:pt x="0" y="283"/>
                    <a:pt x="0" y="283"/>
                  </a:cubicBezTo>
                  <a:cubicBezTo>
                    <a:pt x="11" y="283"/>
                    <a:pt x="11" y="283"/>
                    <a:pt x="11" y="283"/>
                  </a:cubicBezTo>
                  <a:cubicBezTo>
                    <a:pt x="26" y="292"/>
                    <a:pt x="43" y="300"/>
                    <a:pt x="61" y="306"/>
                  </a:cubicBezTo>
                  <a:cubicBezTo>
                    <a:pt x="79" y="312"/>
                    <a:pt x="97" y="315"/>
                    <a:pt x="114" y="315"/>
                  </a:cubicBezTo>
                  <a:cubicBezTo>
                    <a:pt x="125" y="315"/>
                    <a:pt x="137" y="314"/>
                    <a:pt x="150" y="311"/>
                  </a:cubicBezTo>
                  <a:cubicBezTo>
                    <a:pt x="162" y="309"/>
                    <a:pt x="172" y="304"/>
                    <a:pt x="179" y="298"/>
                  </a:cubicBezTo>
                  <a:cubicBezTo>
                    <a:pt x="185" y="293"/>
                    <a:pt x="190" y="287"/>
                    <a:pt x="193" y="282"/>
                  </a:cubicBezTo>
                  <a:cubicBezTo>
                    <a:pt x="196" y="276"/>
                    <a:pt x="197" y="268"/>
                    <a:pt x="197" y="256"/>
                  </a:cubicBezTo>
                  <a:cubicBezTo>
                    <a:pt x="197" y="247"/>
                    <a:pt x="195" y="240"/>
                    <a:pt x="191" y="233"/>
                  </a:cubicBezTo>
                  <a:cubicBezTo>
                    <a:pt x="187" y="227"/>
                    <a:pt x="182" y="222"/>
                    <a:pt x="176" y="218"/>
                  </a:cubicBezTo>
                  <a:cubicBezTo>
                    <a:pt x="166" y="212"/>
                    <a:pt x="155" y="209"/>
                    <a:pt x="142" y="207"/>
                  </a:cubicBezTo>
                  <a:cubicBezTo>
                    <a:pt x="129" y="205"/>
                    <a:pt x="117" y="204"/>
                    <a:pt x="107" y="204"/>
                  </a:cubicBezTo>
                  <a:cubicBezTo>
                    <a:pt x="91" y="204"/>
                    <a:pt x="77" y="205"/>
                    <a:pt x="62" y="208"/>
                  </a:cubicBezTo>
                  <a:cubicBezTo>
                    <a:pt x="48" y="211"/>
                    <a:pt x="36" y="213"/>
                    <a:pt x="25" y="216"/>
                  </a:cubicBezTo>
                  <a:cubicBezTo>
                    <a:pt x="14" y="216"/>
                    <a:pt x="14" y="216"/>
                    <a:pt x="14" y="216"/>
                  </a:cubicBezTo>
                  <a:cubicBezTo>
                    <a:pt x="14" y="0"/>
                    <a:pt x="14" y="0"/>
                    <a:pt x="14" y="0"/>
                  </a:cubicBezTo>
                  <a:cubicBezTo>
                    <a:pt x="286" y="0"/>
                    <a:pt x="286" y="0"/>
                    <a:pt x="286" y="0"/>
                  </a:cubicBezTo>
                  <a:cubicBezTo>
                    <a:pt x="286" y="73"/>
                    <a:pt x="286" y="73"/>
                    <a:pt x="286" y="73"/>
                  </a:cubicBezTo>
                  <a:cubicBezTo>
                    <a:pt x="107" y="73"/>
                    <a:pt x="107" y="73"/>
                    <a:pt x="107" y="73"/>
                  </a:cubicBezTo>
                  <a:cubicBezTo>
                    <a:pt x="107" y="136"/>
                    <a:pt x="107" y="136"/>
                    <a:pt x="107" y="136"/>
                  </a:cubicBezTo>
                  <a:cubicBezTo>
                    <a:pt x="112" y="135"/>
                    <a:pt x="119" y="135"/>
                    <a:pt x="127" y="135"/>
                  </a:cubicBezTo>
                  <a:cubicBezTo>
                    <a:pt x="135" y="135"/>
                    <a:pt x="142" y="134"/>
                    <a:pt x="148" y="134"/>
                  </a:cubicBezTo>
                  <a:cubicBezTo>
                    <a:pt x="169" y="134"/>
                    <a:pt x="188" y="136"/>
                    <a:pt x="205" y="140"/>
                  </a:cubicBezTo>
                  <a:cubicBezTo>
                    <a:pt x="221" y="145"/>
                    <a:pt x="235" y="150"/>
                    <a:pt x="247" y="157"/>
                  </a:cubicBezTo>
                  <a:cubicBezTo>
                    <a:pt x="263" y="167"/>
                    <a:pt x="275" y="179"/>
                    <a:pt x="284" y="195"/>
                  </a:cubicBezTo>
                  <a:cubicBezTo>
                    <a:pt x="293" y="210"/>
                    <a:pt x="297" y="230"/>
                    <a:pt x="297" y="253"/>
                  </a:cubicBezTo>
                  <a:close/>
                </a:path>
              </a:pathLst>
            </a:custGeom>
            <a:solidFill>
              <a:srgbClr val="00905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FFFFFF"/>
                </a:solidFill>
              </a:endParaRPr>
            </a:p>
          </p:txBody>
        </p:sp>
      </p:grpSp>
      <p:sp>
        <p:nvSpPr>
          <p:cNvPr id="22" name="Agenda"/>
          <p:cNvSpPr txBox="1"/>
          <p:nvPr>
            <p:custDataLst>
              <p:tags r:id="rId1"/>
            </p:custDataLst>
          </p:nvPr>
        </p:nvSpPr>
        <p:spPr>
          <a:xfrm>
            <a:off x="224232" y="1184787"/>
            <a:ext cx="12392824" cy="620255"/>
          </a:xfrm>
          <a:prstGeom prst="rect">
            <a:avLst/>
          </a:prstGeom>
          <a:noFill/>
        </p:spPr>
        <p:txBody>
          <a:bodyPr vert="horz" wrap="square" lIns="32808" tIns="32808" rIns="32808" bIns="32808" rtlCol="0">
            <a:spAutoFit/>
          </a:bodyPr>
          <a:lstStyle/>
          <a:p>
            <a:pPr lvl="0" algn="ctr">
              <a:spcBef>
                <a:spcPts val="3200"/>
              </a:spcBef>
              <a:buSzPct val="100000"/>
            </a:pPr>
            <a:r>
              <a:rPr lang="en-US" b="1" dirty="0"/>
              <a:t>As the investment is asset backed through land holdings, a bankruptcy would not result in significant loss of capital.</a:t>
            </a:r>
          </a:p>
        </p:txBody>
      </p:sp>
      <p:sp>
        <p:nvSpPr>
          <p:cNvPr id="16" name="Rectangle 15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19" name="Rectangle 18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grpSp>
        <p:nvGrpSpPr>
          <p:cNvPr id="25" name="Group 24">
            <a:extLst>
              <a:ext uri="{FF2B5EF4-FFF2-40B4-BE49-F238E27FC236}">
                <a16:creationId xmlns:a16="http://schemas.microsoft.com/office/drawing/2014/main" id="{0F0F52DF-7EAE-41E3-A569-37153186B8E0}"/>
              </a:ext>
            </a:extLst>
          </p:cNvPr>
          <p:cNvGrpSpPr/>
          <p:nvPr>
            <p:custDataLst>
              <p:tags r:id="rId2"/>
            </p:custDataLst>
          </p:nvPr>
        </p:nvGrpSpPr>
        <p:grpSpPr>
          <a:xfrm>
            <a:off x="1445243" y="6182062"/>
            <a:ext cx="9950802" cy="714433"/>
            <a:chOff x="415543" y="5962650"/>
            <a:chExt cx="9950802" cy="714433"/>
          </a:xfrm>
        </p:grpSpPr>
        <p:sp>
          <p:nvSpPr>
            <p:cNvPr id="26" name="Rectangle 47">
              <a:extLst>
                <a:ext uri="{FF2B5EF4-FFF2-40B4-BE49-F238E27FC236}">
                  <a16:creationId xmlns:a16="http://schemas.microsoft.com/office/drawing/2014/main" id="{B8658801-9444-4598-9F74-A35F747E8112}"/>
                </a:ext>
              </a:extLst>
            </p:cNvPr>
            <p:cNvSpPr/>
            <p:nvPr>
              <p:custDataLst>
                <p:tags r:id="rId3"/>
              </p:custDataLst>
            </p:nvPr>
          </p:nvSpPr>
          <p:spPr>
            <a:xfrm>
              <a:off x="577851" y="5962650"/>
              <a:ext cx="9788494" cy="714433"/>
            </a:xfrm>
            <a:custGeom>
              <a:avLst/>
              <a:gdLst>
                <a:gd name="connsiteX0" fmla="*/ 0 w 11856504"/>
                <a:gd name="connsiteY0" fmla="*/ 0 h 711437"/>
                <a:gd name="connsiteX1" fmla="*/ 11856504 w 11856504"/>
                <a:gd name="connsiteY1" fmla="*/ 0 h 711437"/>
                <a:gd name="connsiteX2" fmla="*/ 11856504 w 11856504"/>
                <a:gd name="connsiteY2" fmla="*/ 711437 h 711437"/>
                <a:gd name="connsiteX3" fmla="*/ 0 w 11856504"/>
                <a:gd name="connsiteY3" fmla="*/ 711437 h 711437"/>
                <a:gd name="connsiteX4" fmla="*/ 0 w 11856504"/>
                <a:gd name="connsiteY4" fmla="*/ 0 h 711437"/>
                <a:gd name="connsiteX0" fmla="*/ 0 w 11856504"/>
                <a:gd name="connsiteY0" fmla="*/ 2996 h 714433"/>
                <a:gd name="connsiteX1" fmla="*/ 253999 w 11856504"/>
                <a:gd name="connsiteY1" fmla="*/ 0 h 714433"/>
                <a:gd name="connsiteX2" fmla="*/ 11856504 w 11856504"/>
                <a:gd name="connsiteY2" fmla="*/ 2996 h 714433"/>
                <a:gd name="connsiteX3" fmla="*/ 11856504 w 11856504"/>
                <a:gd name="connsiteY3" fmla="*/ 714433 h 714433"/>
                <a:gd name="connsiteX4" fmla="*/ 0 w 11856504"/>
                <a:gd name="connsiteY4" fmla="*/ 714433 h 714433"/>
                <a:gd name="connsiteX5" fmla="*/ 0 w 11856504"/>
                <a:gd name="connsiteY5" fmla="*/ 2996 h 714433"/>
                <a:gd name="connsiteX0" fmla="*/ 0 w 11856504"/>
                <a:gd name="connsiteY0" fmla="*/ 2996 h 714433"/>
                <a:gd name="connsiteX1" fmla="*/ 253999 w 11856504"/>
                <a:gd name="connsiteY1" fmla="*/ 0 h 714433"/>
                <a:gd name="connsiteX2" fmla="*/ 11856504 w 11856504"/>
                <a:gd name="connsiteY2" fmla="*/ 2996 h 714433"/>
                <a:gd name="connsiteX3" fmla="*/ 11856504 w 11856504"/>
                <a:gd name="connsiteY3" fmla="*/ 714433 h 714433"/>
                <a:gd name="connsiteX4" fmla="*/ 314324 w 11856504"/>
                <a:gd name="connsiteY4" fmla="*/ 714375 h 714433"/>
                <a:gd name="connsiteX5" fmla="*/ 0 w 11856504"/>
                <a:gd name="connsiteY5" fmla="*/ 714433 h 714433"/>
                <a:gd name="connsiteX6" fmla="*/ 0 w 11856504"/>
                <a:gd name="connsiteY6" fmla="*/ 2996 h 714433"/>
                <a:gd name="connsiteX0" fmla="*/ 0 w 11856504"/>
                <a:gd name="connsiteY0" fmla="*/ 2996 h 714433"/>
                <a:gd name="connsiteX1" fmla="*/ 253999 w 11856504"/>
                <a:gd name="connsiteY1" fmla="*/ 0 h 714433"/>
                <a:gd name="connsiteX2" fmla="*/ 11856504 w 11856504"/>
                <a:gd name="connsiteY2" fmla="*/ 2996 h 714433"/>
                <a:gd name="connsiteX3" fmla="*/ 11856504 w 11856504"/>
                <a:gd name="connsiteY3" fmla="*/ 714433 h 714433"/>
                <a:gd name="connsiteX4" fmla="*/ 314324 w 11856504"/>
                <a:gd name="connsiteY4" fmla="*/ 714375 h 714433"/>
                <a:gd name="connsiteX5" fmla="*/ 44450 w 11856504"/>
                <a:gd name="connsiteY5" fmla="*/ 631883 h 714433"/>
                <a:gd name="connsiteX6" fmla="*/ 0 w 11856504"/>
                <a:gd name="connsiteY6" fmla="*/ 2996 h 714433"/>
                <a:gd name="connsiteX0" fmla="*/ 3175 w 11812054"/>
                <a:gd name="connsiteY0" fmla="*/ 79196 h 714433"/>
                <a:gd name="connsiteX1" fmla="*/ 209549 w 11812054"/>
                <a:gd name="connsiteY1" fmla="*/ 0 h 714433"/>
                <a:gd name="connsiteX2" fmla="*/ 11812054 w 11812054"/>
                <a:gd name="connsiteY2" fmla="*/ 2996 h 714433"/>
                <a:gd name="connsiteX3" fmla="*/ 11812054 w 11812054"/>
                <a:gd name="connsiteY3" fmla="*/ 714433 h 714433"/>
                <a:gd name="connsiteX4" fmla="*/ 269874 w 11812054"/>
                <a:gd name="connsiteY4" fmla="*/ 714375 h 714433"/>
                <a:gd name="connsiteX5" fmla="*/ 0 w 11812054"/>
                <a:gd name="connsiteY5" fmla="*/ 631883 h 714433"/>
                <a:gd name="connsiteX6" fmla="*/ 3175 w 11812054"/>
                <a:gd name="connsiteY6" fmla="*/ 79196 h 71443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11812054" h="714433">
                  <a:moveTo>
                    <a:pt x="3175" y="79196"/>
                  </a:moveTo>
                  <a:lnTo>
                    <a:pt x="209549" y="0"/>
                  </a:lnTo>
                  <a:lnTo>
                    <a:pt x="11812054" y="2996"/>
                  </a:lnTo>
                  <a:lnTo>
                    <a:pt x="11812054" y="714433"/>
                  </a:lnTo>
                  <a:lnTo>
                    <a:pt x="269874" y="714375"/>
                  </a:lnTo>
                  <a:lnTo>
                    <a:pt x="0" y="631883"/>
                  </a:lnTo>
                  <a:cubicBezTo>
                    <a:pt x="1058" y="447654"/>
                    <a:pt x="2117" y="263425"/>
                    <a:pt x="3175" y="79196"/>
                  </a:cubicBezTo>
                  <a:close/>
                </a:path>
              </a:pathLst>
            </a:custGeom>
            <a:solidFill>
              <a:srgbClr val="DDDDDD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anchor="ctr"/>
            <a:lstStyle/>
            <a:p>
              <a:pPr marL="534988"/>
              <a:r>
                <a:rPr lang="en-US" sz="2400" b="1" cap="all" dirty="0">
                  <a:solidFill>
                    <a:srgbClr val="009051"/>
                  </a:solidFill>
                  <a:latin typeface="Verdana" panose="020B0604030504040204" pitchFamily="34" charset="0"/>
                </a:rPr>
                <a:t>COMMUNITY DEVELOPMENT FUND</a:t>
              </a:r>
            </a:p>
          </p:txBody>
        </p:sp>
        <p:sp>
          <p:nvSpPr>
            <p:cNvPr id="27" name="Freeform 10">
              <a:extLst>
                <a:ext uri="{FF2B5EF4-FFF2-40B4-BE49-F238E27FC236}">
                  <a16:creationId xmlns:a16="http://schemas.microsoft.com/office/drawing/2014/main" id="{D995F047-F055-4C83-B9D5-F920A6A319C4}"/>
                </a:ext>
              </a:extLst>
            </p:cNvPr>
            <p:cNvSpPr>
              <a:spLocks noChangeAspect="1" noEditPoints="1"/>
            </p:cNvSpPr>
            <p:nvPr/>
          </p:nvSpPr>
          <p:spPr bwMode="auto">
            <a:xfrm>
              <a:off x="415543" y="5965646"/>
              <a:ext cx="556186" cy="711437"/>
            </a:xfrm>
            <a:custGeom>
              <a:avLst/>
              <a:gdLst>
                <a:gd name="T0" fmla="*/ 312 w 312"/>
                <a:gd name="T1" fmla="*/ 259 h 397"/>
                <a:gd name="T2" fmla="*/ 302 w 312"/>
                <a:gd name="T3" fmla="*/ 315 h 397"/>
                <a:gd name="T4" fmla="*/ 271 w 312"/>
                <a:gd name="T5" fmla="*/ 358 h 397"/>
                <a:gd name="T6" fmla="*/ 223 w 312"/>
                <a:gd name="T7" fmla="*/ 387 h 397"/>
                <a:gd name="T8" fmla="*/ 159 w 312"/>
                <a:gd name="T9" fmla="*/ 397 h 397"/>
                <a:gd name="T10" fmla="*/ 96 w 312"/>
                <a:gd name="T11" fmla="*/ 388 h 397"/>
                <a:gd name="T12" fmla="*/ 48 w 312"/>
                <a:gd name="T13" fmla="*/ 359 h 397"/>
                <a:gd name="T14" fmla="*/ 12 w 312"/>
                <a:gd name="T15" fmla="*/ 302 h 397"/>
                <a:gd name="T16" fmla="*/ 0 w 312"/>
                <a:gd name="T17" fmla="*/ 219 h 397"/>
                <a:gd name="T18" fmla="*/ 11 w 312"/>
                <a:gd name="T19" fmla="*/ 130 h 397"/>
                <a:gd name="T20" fmla="*/ 49 w 312"/>
                <a:gd name="T21" fmla="*/ 61 h 397"/>
                <a:gd name="T22" fmla="*/ 114 w 312"/>
                <a:gd name="T23" fmla="*/ 16 h 397"/>
                <a:gd name="T24" fmla="*/ 210 w 312"/>
                <a:gd name="T25" fmla="*/ 0 h 397"/>
                <a:gd name="T26" fmla="*/ 251 w 312"/>
                <a:gd name="T27" fmla="*/ 3 h 397"/>
                <a:gd name="T28" fmla="*/ 280 w 312"/>
                <a:gd name="T29" fmla="*/ 6 h 397"/>
                <a:gd name="T30" fmla="*/ 280 w 312"/>
                <a:gd name="T31" fmla="*/ 82 h 397"/>
                <a:gd name="T32" fmla="*/ 270 w 312"/>
                <a:gd name="T33" fmla="*/ 82 h 397"/>
                <a:gd name="T34" fmla="*/ 247 w 312"/>
                <a:gd name="T35" fmla="*/ 74 h 397"/>
                <a:gd name="T36" fmla="*/ 209 w 312"/>
                <a:gd name="T37" fmla="*/ 70 h 397"/>
                <a:gd name="T38" fmla="*/ 132 w 312"/>
                <a:gd name="T39" fmla="*/ 94 h 397"/>
                <a:gd name="T40" fmla="*/ 99 w 312"/>
                <a:gd name="T41" fmla="*/ 161 h 397"/>
                <a:gd name="T42" fmla="*/ 141 w 312"/>
                <a:gd name="T43" fmla="*/ 142 h 397"/>
                <a:gd name="T44" fmla="*/ 188 w 312"/>
                <a:gd name="T45" fmla="*/ 135 h 397"/>
                <a:gd name="T46" fmla="*/ 230 w 312"/>
                <a:gd name="T47" fmla="*/ 140 h 397"/>
                <a:gd name="T48" fmla="*/ 265 w 312"/>
                <a:gd name="T49" fmla="*/ 156 h 397"/>
                <a:gd name="T50" fmla="*/ 300 w 312"/>
                <a:gd name="T51" fmla="*/ 196 h 397"/>
                <a:gd name="T52" fmla="*/ 312 w 312"/>
                <a:gd name="T53" fmla="*/ 259 h 397"/>
                <a:gd name="T54" fmla="*/ 196 w 312"/>
                <a:gd name="T55" fmla="*/ 317 h 397"/>
                <a:gd name="T56" fmla="*/ 208 w 312"/>
                <a:gd name="T57" fmla="*/ 296 h 397"/>
                <a:gd name="T58" fmla="*/ 213 w 312"/>
                <a:gd name="T59" fmla="*/ 264 h 397"/>
                <a:gd name="T60" fmla="*/ 208 w 312"/>
                <a:gd name="T61" fmla="*/ 233 h 397"/>
                <a:gd name="T62" fmla="*/ 193 w 312"/>
                <a:gd name="T63" fmla="*/ 214 h 397"/>
                <a:gd name="T64" fmla="*/ 171 w 312"/>
                <a:gd name="T65" fmla="*/ 204 h 397"/>
                <a:gd name="T66" fmla="*/ 145 w 312"/>
                <a:gd name="T67" fmla="*/ 202 h 397"/>
                <a:gd name="T68" fmla="*/ 121 w 312"/>
                <a:gd name="T69" fmla="*/ 204 h 397"/>
                <a:gd name="T70" fmla="*/ 99 w 312"/>
                <a:gd name="T71" fmla="*/ 210 h 397"/>
                <a:gd name="T72" fmla="*/ 99 w 312"/>
                <a:gd name="T73" fmla="*/ 219 h 397"/>
                <a:gd name="T74" fmla="*/ 98 w 312"/>
                <a:gd name="T75" fmla="*/ 234 h 397"/>
                <a:gd name="T76" fmla="*/ 105 w 312"/>
                <a:gd name="T77" fmla="*/ 286 h 397"/>
                <a:gd name="T78" fmla="*/ 121 w 312"/>
                <a:gd name="T79" fmla="*/ 317 h 397"/>
                <a:gd name="T80" fmla="*/ 138 w 312"/>
                <a:gd name="T81" fmla="*/ 329 h 397"/>
                <a:gd name="T82" fmla="*/ 159 w 312"/>
                <a:gd name="T83" fmla="*/ 332 h 397"/>
                <a:gd name="T84" fmla="*/ 178 w 312"/>
                <a:gd name="T85" fmla="*/ 329 h 397"/>
                <a:gd name="T86" fmla="*/ 196 w 312"/>
                <a:gd name="T87" fmla="*/ 317 h 39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312" h="397">
                  <a:moveTo>
                    <a:pt x="312" y="259"/>
                  </a:moveTo>
                  <a:cubicBezTo>
                    <a:pt x="312" y="279"/>
                    <a:pt x="309" y="297"/>
                    <a:pt x="302" y="315"/>
                  </a:cubicBezTo>
                  <a:cubicBezTo>
                    <a:pt x="294" y="332"/>
                    <a:pt x="284" y="347"/>
                    <a:pt x="271" y="358"/>
                  </a:cubicBezTo>
                  <a:cubicBezTo>
                    <a:pt x="257" y="371"/>
                    <a:pt x="241" y="381"/>
                    <a:pt x="223" y="387"/>
                  </a:cubicBezTo>
                  <a:cubicBezTo>
                    <a:pt x="205" y="394"/>
                    <a:pt x="184" y="397"/>
                    <a:pt x="159" y="397"/>
                  </a:cubicBezTo>
                  <a:cubicBezTo>
                    <a:pt x="136" y="397"/>
                    <a:pt x="115" y="394"/>
                    <a:pt x="96" y="388"/>
                  </a:cubicBezTo>
                  <a:cubicBezTo>
                    <a:pt x="77" y="382"/>
                    <a:pt x="61" y="372"/>
                    <a:pt x="48" y="359"/>
                  </a:cubicBezTo>
                  <a:cubicBezTo>
                    <a:pt x="32" y="345"/>
                    <a:pt x="20" y="326"/>
                    <a:pt x="12" y="302"/>
                  </a:cubicBezTo>
                  <a:cubicBezTo>
                    <a:pt x="4" y="279"/>
                    <a:pt x="0" y="251"/>
                    <a:pt x="0" y="219"/>
                  </a:cubicBezTo>
                  <a:cubicBezTo>
                    <a:pt x="0" y="185"/>
                    <a:pt x="4" y="156"/>
                    <a:pt x="11" y="130"/>
                  </a:cubicBezTo>
                  <a:cubicBezTo>
                    <a:pt x="19" y="104"/>
                    <a:pt x="32" y="81"/>
                    <a:pt x="49" y="61"/>
                  </a:cubicBezTo>
                  <a:cubicBezTo>
                    <a:pt x="66" y="41"/>
                    <a:pt x="88" y="27"/>
                    <a:pt x="114" y="16"/>
                  </a:cubicBezTo>
                  <a:cubicBezTo>
                    <a:pt x="141" y="5"/>
                    <a:pt x="173" y="0"/>
                    <a:pt x="210" y="0"/>
                  </a:cubicBezTo>
                  <a:cubicBezTo>
                    <a:pt x="222" y="0"/>
                    <a:pt x="236" y="1"/>
                    <a:pt x="251" y="3"/>
                  </a:cubicBezTo>
                  <a:cubicBezTo>
                    <a:pt x="266" y="4"/>
                    <a:pt x="276" y="6"/>
                    <a:pt x="280" y="6"/>
                  </a:cubicBezTo>
                  <a:cubicBezTo>
                    <a:pt x="280" y="82"/>
                    <a:pt x="280" y="82"/>
                    <a:pt x="280" y="82"/>
                  </a:cubicBezTo>
                  <a:cubicBezTo>
                    <a:pt x="270" y="82"/>
                    <a:pt x="270" y="82"/>
                    <a:pt x="270" y="82"/>
                  </a:cubicBezTo>
                  <a:cubicBezTo>
                    <a:pt x="266" y="79"/>
                    <a:pt x="258" y="77"/>
                    <a:pt x="247" y="74"/>
                  </a:cubicBezTo>
                  <a:cubicBezTo>
                    <a:pt x="236" y="71"/>
                    <a:pt x="223" y="70"/>
                    <a:pt x="209" y="70"/>
                  </a:cubicBezTo>
                  <a:cubicBezTo>
                    <a:pt x="176" y="70"/>
                    <a:pt x="151" y="78"/>
                    <a:pt x="132" y="94"/>
                  </a:cubicBezTo>
                  <a:cubicBezTo>
                    <a:pt x="114" y="110"/>
                    <a:pt x="103" y="132"/>
                    <a:pt x="99" y="161"/>
                  </a:cubicBezTo>
                  <a:cubicBezTo>
                    <a:pt x="112" y="153"/>
                    <a:pt x="126" y="147"/>
                    <a:pt x="141" y="142"/>
                  </a:cubicBezTo>
                  <a:cubicBezTo>
                    <a:pt x="156" y="137"/>
                    <a:pt x="171" y="135"/>
                    <a:pt x="188" y="135"/>
                  </a:cubicBezTo>
                  <a:cubicBezTo>
                    <a:pt x="203" y="135"/>
                    <a:pt x="217" y="136"/>
                    <a:pt x="230" y="140"/>
                  </a:cubicBezTo>
                  <a:cubicBezTo>
                    <a:pt x="243" y="143"/>
                    <a:pt x="254" y="149"/>
                    <a:pt x="265" y="156"/>
                  </a:cubicBezTo>
                  <a:cubicBezTo>
                    <a:pt x="280" y="166"/>
                    <a:pt x="291" y="180"/>
                    <a:pt x="300" y="196"/>
                  </a:cubicBezTo>
                  <a:cubicBezTo>
                    <a:pt x="308" y="213"/>
                    <a:pt x="312" y="234"/>
                    <a:pt x="312" y="259"/>
                  </a:cubicBezTo>
                  <a:close/>
                  <a:moveTo>
                    <a:pt x="196" y="317"/>
                  </a:moveTo>
                  <a:cubicBezTo>
                    <a:pt x="201" y="311"/>
                    <a:pt x="205" y="304"/>
                    <a:pt x="208" y="296"/>
                  </a:cubicBezTo>
                  <a:cubicBezTo>
                    <a:pt x="211" y="288"/>
                    <a:pt x="213" y="278"/>
                    <a:pt x="213" y="264"/>
                  </a:cubicBezTo>
                  <a:cubicBezTo>
                    <a:pt x="213" y="251"/>
                    <a:pt x="211" y="241"/>
                    <a:pt x="208" y="233"/>
                  </a:cubicBezTo>
                  <a:cubicBezTo>
                    <a:pt x="204" y="225"/>
                    <a:pt x="199" y="219"/>
                    <a:pt x="193" y="214"/>
                  </a:cubicBezTo>
                  <a:cubicBezTo>
                    <a:pt x="187" y="209"/>
                    <a:pt x="179" y="206"/>
                    <a:pt x="171" y="204"/>
                  </a:cubicBezTo>
                  <a:cubicBezTo>
                    <a:pt x="163" y="202"/>
                    <a:pt x="154" y="202"/>
                    <a:pt x="145" y="202"/>
                  </a:cubicBezTo>
                  <a:cubicBezTo>
                    <a:pt x="137" y="202"/>
                    <a:pt x="130" y="202"/>
                    <a:pt x="121" y="204"/>
                  </a:cubicBezTo>
                  <a:cubicBezTo>
                    <a:pt x="113" y="206"/>
                    <a:pt x="106" y="208"/>
                    <a:pt x="99" y="210"/>
                  </a:cubicBezTo>
                  <a:cubicBezTo>
                    <a:pt x="99" y="212"/>
                    <a:pt x="99" y="215"/>
                    <a:pt x="99" y="219"/>
                  </a:cubicBezTo>
                  <a:cubicBezTo>
                    <a:pt x="98" y="223"/>
                    <a:pt x="98" y="228"/>
                    <a:pt x="98" y="234"/>
                  </a:cubicBezTo>
                  <a:cubicBezTo>
                    <a:pt x="98" y="255"/>
                    <a:pt x="100" y="272"/>
                    <a:pt x="105" y="286"/>
                  </a:cubicBezTo>
                  <a:cubicBezTo>
                    <a:pt x="109" y="299"/>
                    <a:pt x="114" y="310"/>
                    <a:pt x="121" y="317"/>
                  </a:cubicBezTo>
                  <a:cubicBezTo>
                    <a:pt x="126" y="322"/>
                    <a:pt x="132" y="326"/>
                    <a:pt x="138" y="329"/>
                  </a:cubicBezTo>
                  <a:cubicBezTo>
                    <a:pt x="145" y="331"/>
                    <a:pt x="152" y="332"/>
                    <a:pt x="159" y="332"/>
                  </a:cubicBezTo>
                  <a:cubicBezTo>
                    <a:pt x="165" y="332"/>
                    <a:pt x="171" y="331"/>
                    <a:pt x="178" y="329"/>
                  </a:cubicBezTo>
                  <a:cubicBezTo>
                    <a:pt x="185" y="326"/>
                    <a:pt x="191" y="322"/>
                    <a:pt x="196" y="317"/>
                  </a:cubicBezTo>
                  <a:close/>
                </a:path>
              </a:pathLst>
            </a:custGeom>
            <a:solidFill>
              <a:srgbClr val="00905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FFFFFF"/>
                </a:solidFill>
              </a:endParaRPr>
            </a:p>
          </p:txBody>
        </p:sp>
      </p:grpSp>
    </p:spTree>
    <p:extLst>
      <p:ext uri="{BB962C8B-B14F-4D97-AF65-F5344CB8AC3E}">
        <p14:creationId xmlns:p14="http://schemas.microsoft.com/office/powerpoint/2010/main" val="4100493906"/>
      </p:ext>
    </p:extLst>
  </p:cSld>
  <p:clrMapOvr>
    <a:masterClrMapping/>
  </p:clrMapOvr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ainBulletsConfiguration" hidden="1"/>
          <p:cNvSpPr txBox="1"/>
          <p:nvPr/>
        </p:nvSpPr>
        <p:spPr>
          <a:xfrm>
            <a:off x="1712288" y="12323"/>
            <a:ext cx="8626466" cy="107722"/>
          </a:xfrm>
          <a:prstGeom prst="rect">
            <a:avLst/>
          </a:prstGeom>
          <a:noFill/>
        </p:spPr>
        <p:txBody>
          <a:bodyPr vert="horz" wrap="square" lIns="44365" rIns="44365" rtlCol="0">
            <a:spAutoFit/>
          </a:bodyPr>
          <a:lstStyle/>
          <a:p>
            <a:r>
              <a:rPr lang="en-US" sz="100" dirty="0">
                <a:solidFill>
                  <a:srgbClr val="FFFFFF"/>
                </a:solidFill>
              </a:rPr>
              <a:t>122_84 123_84 126_84 125_84 58_84</a:t>
            </a:r>
          </a:p>
        </p:txBody>
      </p:sp>
      <p:sp>
        <p:nvSpPr>
          <p:cNvPr id="29" name="TextBox 28"/>
          <p:cNvSpPr txBox="1"/>
          <p:nvPr/>
        </p:nvSpPr>
        <p:spPr>
          <a:xfrm>
            <a:off x="11512486" y="78409"/>
            <a:ext cx="600206" cy="322244"/>
          </a:xfrm>
          <a:prstGeom prst="rect">
            <a:avLst/>
          </a:prstGeom>
          <a:noFill/>
        </p:spPr>
        <p:txBody>
          <a:bodyPr wrap="none" lIns="37644" tIns="37644" rIns="37644" bIns="37644" rtlCol="0">
            <a:spAutoFit/>
          </a:bodyPr>
          <a:lstStyle/>
          <a:p>
            <a:pPr algn="ctr"/>
            <a:r>
              <a:rPr lang="en-GB" sz="1600" dirty="0">
                <a:solidFill>
                  <a:schemeClr val="bg2"/>
                </a:solidFill>
              </a:rPr>
              <a:t>TEXT</a:t>
            </a:r>
          </a:p>
        </p:txBody>
      </p:sp>
      <p:sp>
        <p:nvSpPr>
          <p:cNvPr id="46" name="Title 1">
            <a:extLst>
              <a:ext uri="{FF2B5EF4-FFF2-40B4-BE49-F238E27FC236}">
                <a16:creationId xmlns:a16="http://schemas.microsoft.com/office/drawing/2014/main" id="{5E555FDA-F4B6-2245-A92A-E847FDFB68C9}"/>
              </a:ext>
            </a:extLst>
          </p:cNvPr>
          <p:cNvSpPr txBox="1">
            <a:spLocks/>
          </p:cNvSpPr>
          <p:nvPr/>
        </p:nvSpPr>
        <p:spPr bwMode="gray">
          <a:xfrm>
            <a:off x="340773" y="292991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investors will receive higher than average market returns </a:t>
            </a:r>
            <a:endParaRPr lang="en-US" sz="2400" b="1" dirty="0">
              <a:solidFill>
                <a:srgbClr val="009051"/>
              </a:solidFill>
            </a:endParaRPr>
          </a:p>
        </p:txBody>
      </p:sp>
      <p:sp>
        <p:nvSpPr>
          <p:cNvPr id="47" name="Rectangle 46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cxnSp>
        <p:nvCxnSpPr>
          <p:cNvPr id="4" name="Straight Connector 3"/>
          <p:cNvCxnSpPr/>
          <p:nvPr/>
        </p:nvCxnSpPr>
        <p:spPr>
          <a:xfrm flipH="1">
            <a:off x="936438" y="1485583"/>
            <a:ext cx="0" cy="5040000"/>
          </a:xfrm>
          <a:prstGeom prst="line">
            <a:avLst/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20" name="Group 19"/>
          <p:cNvGrpSpPr/>
          <p:nvPr/>
        </p:nvGrpSpPr>
        <p:grpSpPr>
          <a:xfrm>
            <a:off x="958468" y="1703351"/>
            <a:ext cx="2770743" cy="540000"/>
            <a:chOff x="958468" y="1703351"/>
            <a:chExt cx="2770743" cy="540000"/>
          </a:xfrm>
        </p:grpSpPr>
        <p:sp>
          <p:nvSpPr>
            <p:cNvPr id="5" name="Rectangle 4"/>
            <p:cNvSpPr/>
            <p:nvPr/>
          </p:nvSpPr>
          <p:spPr>
            <a:xfrm>
              <a:off x="958468" y="1703351"/>
              <a:ext cx="1850833" cy="540000"/>
            </a:xfrm>
            <a:prstGeom prst="rect">
              <a:avLst/>
            </a:prstGeom>
            <a:solidFill>
              <a:schemeClr val="bg1">
                <a:lumMod val="50000"/>
              </a:schemeClr>
            </a:solidFill>
            <a:ln w="19050">
              <a:solidFill>
                <a:srgbClr val="6F6F6F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r>
                <a:rPr lang="en-IN" sz="1400" b="1" dirty="0">
                  <a:solidFill>
                    <a:schemeClr val="bg2"/>
                  </a:solidFill>
                </a:rPr>
                <a:t>10 year Indian govt. bond yield</a:t>
              </a:r>
            </a:p>
          </p:txBody>
        </p:sp>
        <p:sp>
          <p:nvSpPr>
            <p:cNvPr id="9" name="TextBox 8"/>
            <p:cNvSpPr txBox="1"/>
            <p:nvPr/>
          </p:nvSpPr>
          <p:spPr>
            <a:xfrm>
              <a:off x="2924977" y="1813889"/>
              <a:ext cx="804234" cy="318924"/>
            </a:xfrm>
            <a:prstGeom prst="rect">
              <a:avLst/>
            </a:prstGeom>
            <a:noFill/>
          </p:spPr>
          <p:txBody>
            <a:bodyPr wrap="square" lIns="36000" tIns="36000" rIns="36000" bIns="36000" rtlCol="0">
              <a:spAutoFit/>
            </a:bodyPr>
            <a:lstStyle/>
            <a:p>
              <a:r>
                <a:rPr lang="en-IN" sz="1600" b="1" dirty="0"/>
                <a:t>6.4%</a:t>
              </a:r>
            </a:p>
          </p:txBody>
        </p:sp>
      </p:grpSp>
      <p:grpSp>
        <p:nvGrpSpPr>
          <p:cNvPr id="19" name="Group 18"/>
          <p:cNvGrpSpPr/>
          <p:nvPr/>
        </p:nvGrpSpPr>
        <p:grpSpPr>
          <a:xfrm>
            <a:off x="958468" y="2389380"/>
            <a:ext cx="3349128" cy="540000"/>
            <a:chOff x="958468" y="2342328"/>
            <a:chExt cx="3349128" cy="540000"/>
          </a:xfrm>
        </p:grpSpPr>
        <p:sp>
          <p:nvSpPr>
            <p:cNvPr id="49" name="Rectangle 48"/>
            <p:cNvSpPr/>
            <p:nvPr/>
          </p:nvSpPr>
          <p:spPr>
            <a:xfrm>
              <a:off x="958468" y="2342328"/>
              <a:ext cx="2412694" cy="540000"/>
            </a:xfrm>
            <a:prstGeom prst="rect">
              <a:avLst/>
            </a:prstGeom>
            <a:solidFill>
              <a:schemeClr val="bg2">
                <a:lumMod val="75000"/>
              </a:schemeClr>
            </a:solidFill>
            <a:ln w="19050">
              <a:solidFill>
                <a:srgbClr val="BFBFBF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r>
                <a:rPr lang="en-IN" sz="1400" b="1" dirty="0">
                  <a:solidFill>
                    <a:schemeClr val="bg2"/>
                  </a:solidFill>
                </a:rPr>
                <a:t>Average FD rate of Indian banks</a:t>
              </a:r>
            </a:p>
          </p:txBody>
        </p:sp>
        <p:sp>
          <p:nvSpPr>
            <p:cNvPr id="56" name="TextBox 55"/>
            <p:cNvSpPr txBox="1"/>
            <p:nvPr/>
          </p:nvSpPr>
          <p:spPr>
            <a:xfrm>
              <a:off x="3503362" y="2452866"/>
              <a:ext cx="804234" cy="318924"/>
            </a:xfrm>
            <a:prstGeom prst="rect">
              <a:avLst/>
            </a:prstGeom>
            <a:noFill/>
          </p:spPr>
          <p:txBody>
            <a:bodyPr wrap="square" lIns="36000" tIns="36000" rIns="36000" bIns="36000" rtlCol="0">
              <a:spAutoFit/>
            </a:bodyPr>
            <a:lstStyle/>
            <a:p>
              <a:r>
                <a:rPr lang="en-IN" sz="1600" b="1" dirty="0"/>
                <a:t>7%</a:t>
              </a:r>
            </a:p>
          </p:txBody>
        </p:sp>
      </p:grpSp>
      <p:grpSp>
        <p:nvGrpSpPr>
          <p:cNvPr id="18" name="Group 17"/>
          <p:cNvGrpSpPr/>
          <p:nvPr/>
        </p:nvGrpSpPr>
        <p:grpSpPr>
          <a:xfrm>
            <a:off x="958468" y="3075409"/>
            <a:ext cx="4032178" cy="547113"/>
            <a:chOff x="958468" y="3075409"/>
            <a:chExt cx="4032178" cy="547113"/>
          </a:xfrm>
        </p:grpSpPr>
        <p:sp>
          <p:nvSpPr>
            <p:cNvPr id="50" name="Rectangle 49"/>
            <p:cNvSpPr/>
            <p:nvPr/>
          </p:nvSpPr>
          <p:spPr>
            <a:xfrm>
              <a:off x="958468" y="3075409"/>
              <a:ext cx="2412695" cy="540000"/>
            </a:xfrm>
            <a:prstGeom prst="rect">
              <a:avLst/>
            </a:prstGeom>
            <a:solidFill>
              <a:srgbClr val="009051"/>
            </a:solidFill>
            <a:ln w="19050">
              <a:solidFill>
                <a:srgbClr val="00905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r>
                <a:rPr lang="en-IN" sz="1400" b="1" dirty="0">
                  <a:solidFill>
                    <a:schemeClr val="bg2"/>
                  </a:solidFill>
                </a:rPr>
                <a:t>Locus investor’s annual average return </a:t>
              </a:r>
            </a:p>
          </p:txBody>
        </p:sp>
        <p:sp>
          <p:nvSpPr>
            <p:cNvPr id="52" name="Rectangle 51"/>
            <p:cNvSpPr/>
            <p:nvPr/>
          </p:nvSpPr>
          <p:spPr>
            <a:xfrm>
              <a:off x="3360147" y="3082522"/>
              <a:ext cx="738129" cy="540000"/>
            </a:xfrm>
            <a:prstGeom prst="rect">
              <a:avLst/>
            </a:prstGeom>
            <a:solidFill>
              <a:schemeClr val="bg2"/>
            </a:solidFill>
            <a:ln w="19050">
              <a:solidFill>
                <a:srgbClr val="00905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endParaRPr lang="en-IN" sz="1400" b="1" dirty="0">
                <a:solidFill>
                  <a:schemeClr val="bg2"/>
                </a:solidFill>
              </a:endParaRPr>
            </a:p>
          </p:txBody>
        </p:sp>
        <p:cxnSp>
          <p:nvCxnSpPr>
            <p:cNvPr id="8" name="Straight Arrow Connector 7"/>
            <p:cNvCxnSpPr>
              <a:stCxn id="50" idx="3"/>
              <a:endCxn id="52" idx="3"/>
            </p:cNvCxnSpPr>
            <p:nvPr/>
          </p:nvCxnSpPr>
          <p:spPr>
            <a:xfrm>
              <a:off x="3371163" y="3345409"/>
              <a:ext cx="727113" cy="7113"/>
            </a:xfrm>
            <a:prstGeom prst="straightConnector1">
              <a:avLst/>
            </a:prstGeom>
            <a:ln w="28575">
              <a:solidFill>
                <a:srgbClr val="009051"/>
              </a:solidFill>
              <a:headEnd type="triangle"/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57" name="TextBox 56"/>
            <p:cNvSpPr txBox="1"/>
            <p:nvPr/>
          </p:nvSpPr>
          <p:spPr>
            <a:xfrm>
              <a:off x="4186412" y="3185947"/>
              <a:ext cx="804234" cy="318924"/>
            </a:xfrm>
            <a:prstGeom prst="rect">
              <a:avLst/>
            </a:prstGeom>
            <a:noFill/>
          </p:spPr>
          <p:txBody>
            <a:bodyPr wrap="square" lIns="36000" tIns="36000" rIns="36000" bIns="36000" rtlCol="0">
              <a:spAutoFit/>
            </a:bodyPr>
            <a:lstStyle/>
            <a:p>
              <a:r>
                <a:rPr lang="en-IN" sz="1600" b="1" dirty="0"/>
                <a:t>8%</a:t>
              </a:r>
            </a:p>
          </p:txBody>
        </p:sp>
      </p:grpSp>
      <p:grpSp>
        <p:nvGrpSpPr>
          <p:cNvPr id="22" name="Group 21"/>
          <p:cNvGrpSpPr/>
          <p:nvPr/>
        </p:nvGrpSpPr>
        <p:grpSpPr>
          <a:xfrm>
            <a:off x="958468" y="4353913"/>
            <a:ext cx="7546552" cy="540000"/>
            <a:chOff x="958468" y="4353913"/>
            <a:chExt cx="7546552" cy="540000"/>
          </a:xfrm>
        </p:grpSpPr>
        <p:sp>
          <p:nvSpPr>
            <p:cNvPr id="71" name="Rectangle 70"/>
            <p:cNvSpPr/>
            <p:nvPr/>
          </p:nvSpPr>
          <p:spPr>
            <a:xfrm>
              <a:off x="958468" y="4353913"/>
              <a:ext cx="6720289" cy="540000"/>
            </a:xfrm>
            <a:prstGeom prst="rect">
              <a:avLst/>
            </a:prstGeom>
            <a:solidFill>
              <a:schemeClr val="bg1">
                <a:lumMod val="50000"/>
              </a:schemeClr>
            </a:solidFill>
            <a:ln w="19050">
              <a:solidFill>
                <a:srgbClr val="6F6F6F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r>
                <a:rPr lang="en-IN" sz="1400" b="1" dirty="0">
                  <a:solidFill>
                    <a:schemeClr val="bg2"/>
                  </a:solidFill>
                </a:rPr>
                <a:t>Average Indian annual Returns on Equity (long-term)</a:t>
              </a:r>
            </a:p>
          </p:txBody>
        </p:sp>
        <p:sp>
          <p:nvSpPr>
            <p:cNvPr id="76" name="TextBox 75"/>
            <p:cNvSpPr txBox="1"/>
            <p:nvPr/>
          </p:nvSpPr>
          <p:spPr>
            <a:xfrm>
              <a:off x="7700786" y="4464451"/>
              <a:ext cx="804234" cy="318924"/>
            </a:xfrm>
            <a:prstGeom prst="rect">
              <a:avLst/>
            </a:prstGeom>
            <a:noFill/>
          </p:spPr>
          <p:txBody>
            <a:bodyPr wrap="square" lIns="36000" tIns="36000" rIns="36000" bIns="36000" rtlCol="0">
              <a:spAutoFit/>
            </a:bodyPr>
            <a:lstStyle/>
            <a:p>
              <a:r>
                <a:rPr lang="en-IN" sz="1600" b="1" dirty="0"/>
                <a:t>15%</a:t>
              </a:r>
            </a:p>
          </p:txBody>
        </p:sp>
      </p:grpSp>
      <p:grpSp>
        <p:nvGrpSpPr>
          <p:cNvPr id="21" name="Group 20"/>
          <p:cNvGrpSpPr/>
          <p:nvPr/>
        </p:nvGrpSpPr>
        <p:grpSpPr>
          <a:xfrm>
            <a:off x="958467" y="5032226"/>
            <a:ext cx="7144436" cy="540000"/>
            <a:chOff x="958467" y="5081026"/>
            <a:chExt cx="7144436" cy="540000"/>
          </a:xfrm>
        </p:grpSpPr>
        <p:sp>
          <p:nvSpPr>
            <p:cNvPr id="72" name="Rectangle 71"/>
            <p:cNvSpPr/>
            <p:nvPr/>
          </p:nvSpPr>
          <p:spPr>
            <a:xfrm>
              <a:off x="958467" y="5081026"/>
              <a:ext cx="5938091" cy="540000"/>
            </a:xfrm>
            <a:prstGeom prst="rect">
              <a:avLst/>
            </a:prstGeom>
            <a:solidFill>
              <a:schemeClr val="bg2">
                <a:lumMod val="75000"/>
              </a:schemeClr>
            </a:solidFill>
            <a:ln w="19050">
              <a:solidFill>
                <a:srgbClr val="BFBFBF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r>
                <a:rPr lang="en-IN" sz="1400" b="1" dirty="0">
                  <a:solidFill>
                    <a:schemeClr val="bg2"/>
                  </a:solidFill>
                </a:rPr>
                <a:t>Average (expected) annual return on Indian REITs</a:t>
              </a:r>
            </a:p>
          </p:txBody>
        </p:sp>
        <p:sp>
          <p:nvSpPr>
            <p:cNvPr id="77" name="TextBox 76"/>
            <p:cNvSpPr txBox="1"/>
            <p:nvPr/>
          </p:nvSpPr>
          <p:spPr>
            <a:xfrm>
              <a:off x="7067311" y="5191564"/>
              <a:ext cx="1035592" cy="318924"/>
            </a:xfrm>
            <a:prstGeom prst="rect">
              <a:avLst/>
            </a:prstGeom>
            <a:noFill/>
          </p:spPr>
          <p:txBody>
            <a:bodyPr wrap="square" lIns="36000" tIns="36000" rIns="36000" bIns="36000" rtlCol="0">
              <a:spAutoFit/>
            </a:bodyPr>
            <a:lstStyle/>
            <a:p>
              <a:r>
                <a:rPr lang="en-IN" sz="1600" b="1" dirty="0"/>
                <a:t>14%</a:t>
              </a:r>
            </a:p>
          </p:txBody>
        </p:sp>
      </p:grpSp>
      <p:grpSp>
        <p:nvGrpSpPr>
          <p:cNvPr id="23" name="Group 22"/>
          <p:cNvGrpSpPr/>
          <p:nvPr/>
        </p:nvGrpSpPr>
        <p:grpSpPr>
          <a:xfrm>
            <a:off x="958468" y="5717653"/>
            <a:ext cx="8372813" cy="543904"/>
            <a:chOff x="958468" y="5808139"/>
            <a:chExt cx="8372813" cy="543904"/>
          </a:xfrm>
        </p:grpSpPr>
        <p:sp>
          <p:nvSpPr>
            <p:cNvPr id="73" name="Rectangle 72"/>
            <p:cNvSpPr/>
            <p:nvPr/>
          </p:nvSpPr>
          <p:spPr>
            <a:xfrm>
              <a:off x="958468" y="5808139"/>
              <a:ext cx="6742318" cy="540000"/>
            </a:xfrm>
            <a:prstGeom prst="rect">
              <a:avLst/>
            </a:prstGeom>
            <a:solidFill>
              <a:srgbClr val="009051"/>
            </a:solidFill>
            <a:ln w="19050">
              <a:solidFill>
                <a:srgbClr val="00905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r>
                <a:rPr lang="en-IN" sz="1400" b="1" dirty="0">
                  <a:solidFill>
                    <a:schemeClr val="bg2"/>
                  </a:solidFill>
                </a:rPr>
                <a:t>Expected annualized ROE for Locus investors (over 20 years)</a:t>
              </a:r>
            </a:p>
          </p:txBody>
        </p:sp>
        <p:sp>
          <p:nvSpPr>
            <p:cNvPr id="74" name="Rectangle 73"/>
            <p:cNvSpPr/>
            <p:nvPr/>
          </p:nvSpPr>
          <p:spPr>
            <a:xfrm>
              <a:off x="7711797" y="5812043"/>
              <a:ext cx="782205" cy="540000"/>
            </a:xfrm>
            <a:prstGeom prst="rect">
              <a:avLst/>
            </a:prstGeom>
            <a:solidFill>
              <a:schemeClr val="bg2"/>
            </a:solidFill>
            <a:ln w="19050">
              <a:solidFill>
                <a:srgbClr val="00905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endParaRPr lang="en-IN" sz="1400" b="1" dirty="0">
                <a:solidFill>
                  <a:schemeClr val="bg2"/>
                </a:solidFill>
              </a:endParaRPr>
            </a:p>
          </p:txBody>
        </p:sp>
        <p:cxnSp>
          <p:nvCxnSpPr>
            <p:cNvPr id="75" name="Straight Arrow Connector 74"/>
            <p:cNvCxnSpPr>
              <a:stCxn id="74" idx="1"/>
              <a:endCxn id="74" idx="3"/>
            </p:cNvCxnSpPr>
            <p:nvPr/>
          </p:nvCxnSpPr>
          <p:spPr>
            <a:xfrm>
              <a:off x="7711797" y="6082043"/>
              <a:ext cx="782205" cy="0"/>
            </a:xfrm>
            <a:prstGeom prst="straightConnector1">
              <a:avLst/>
            </a:prstGeom>
            <a:ln w="28575">
              <a:solidFill>
                <a:srgbClr val="009051"/>
              </a:solidFill>
              <a:headEnd type="triangle"/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78" name="TextBox 77"/>
            <p:cNvSpPr txBox="1"/>
            <p:nvPr/>
          </p:nvSpPr>
          <p:spPr>
            <a:xfrm>
              <a:off x="8527047" y="5918677"/>
              <a:ext cx="804234" cy="318924"/>
            </a:xfrm>
            <a:prstGeom prst="rect">
              <a:avLst/>
            </a:prstGeom>
            <a:noFill/>
          </p:spPr>
          <p:txBody>
            <a:bodyPr wrap="square" lIns="36000" tIns="36000" rIns="36000" bIns="36000" rtlCol="0">
              <a:spAutoFit/>
            </a:bodyPr>
            <a:lstStyle/>
            <a:p>
              <a:r>
                <a:rPr lang="en-IN" sz="1600" b="1" dirty="0"/>
                <a:t>16%</a:t>
              </a:r>
            </a:p>
          </p:txBody>
        </p:sp>
      </p:grpSp>
      <p:sp>
        <p:nvSpPr>
          <p:cNvPr id="83" name="Rectangle 82"/>
          <p:cNvSpPr/>
          <p:nvPr/>
        </p:nvSpPr>
        <p:spPr>
          <a:xfrm>
            <a:off x="0" y="7142860"/>
            <a:ext cx="12858000" cy="75600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>
              <a:lnSpc>
                <a:spcPct val="90000"/>
              </a:lnSpc>
            </a:pPr>
            <a:endParaRPr lang="en-US" sz="3600" b="1" dirty="0">
              <a:solidFill>
                <a:schemeClr val="bg2"/>
              </a:solidFill>
            </a:endParaRPr>
          </a:p>
        </p:txBody>
      </p:sp>
      <p:sp>
        <p:nvSpPr>
          <p:cNvPr id="30" name="TextBox 29">
            <a:extLst>
              <a:ext uri="{FF2B5EF4-FFF2-40B4-BE49-F238E27FC236}">
                <a16:creationId xmlns:a16="http://schemas.microsoft.com/office/drawing/2014/main" id="{CB09B358-8BD5-4C05-B78E-341CB2653583}"/>
              </a:ext>
            </a:extLst>
          </p:cNvPr>
          <p:cNvSpPr txBox="1"/>
          <p:nvPr/>
        </p:nvSpPr>
        <p:spPr>
          <a:xfrm flipH="1">
            <a:off x="114004" y="6907657"/>
            <a:ext cx="5390593" cy="211203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IN" sz="900" i="1" dirty="0">
                <a:solidFill>
                  <a:srgbClr val="000000"/>
                </a:solidFill>
                <a:latin typeface="Verdana" panose="020B0604030504040204" pitchFamily="34" charset="0"/>
              </a:rPr>
              <a:t>Numbers are based on average investor return for share Class A and B</a:t>
            </a:r>
          </a:p>
        </p:txBody>
      </p:sp>
    </p:spTree>
    <p:extLst>
      <p:ext uri="{BB962C8B-B14F-4D97-AF65-F5344CB8AC3E}">
        <p14:creationId xmlns:p14="http://schemas.microsoft.com/office/powerpoint/2010/main" val="842620767"/>
      </p:ext>
    </p:extLst>
  </p:cSld>
  <p:clrMapOvr>
    <a:masterClrMapping/>
  </p:clrMapOvr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1">
            <a:extLst>
              <a:ext uri="{FF2B5EF4-FFF2-40B4-BE49-F238E27FC236}">
                <a16:creationId xmlns:a16="http://schemas.microsoft.com/office/drawing/2014/main" id="{7E663DE7-EDE3-FA42-A802-1BEEB79B7815}"/>
              </a:ext>
            </a:extLst>
          </p:cNvPr>
          <p:cNvSpPr txBox="1">
            <a:spLocks/>
          </p:cNvSpPr>
          <p:nvPr/>
        </p:nvSpPr>
        <p:spPr bwMode="gray">
          <a:xfrm>
            <a:off x="236498" y="4374776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endParaRPr lang="en-US" sz="3300" b="1" dirty="0">
              <a:solidFill>
                <a:srgbClr val="002060"/>
              </a:solidFill>
            </a:endParaRPr>
          </a:p>
        </p:txBody>
      </p:sp>
      <p:sp>
        <p:nvSpPr>
          <p:cNvPr id="5" name="Title 1">
            <a:extLst>
              <a:ext uri="{FF2B5EF4-FFF2-40B4-BE49-F238E27FC236}">
                <a16:creationId xmlns:a16="http://schemas.microsoft.com/office/drawing/2014/main" id="{D5B1C0A7-38E7-4248-A5DE-0D739461F8F3}"/>
              </a:ext>
            </a:extLst>
          </p:cNvPr>
          <p:cNvSpPr txBox="1">
            <a:spLocks/>
          </p:cNvSpPr>
          <p:nvPr/>
        </p:nvSpPr>
        <p:spPr bwMode="gray">
          <a:xfrm>
            <a:off x="236498" y="308222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REGULATORY SUPPORT IN INDIA FOR AGRICULTURE</a:t>
            </a:r>
          </a:p>
        </p:txBody>
      </p:sp>
      <p:sp>
        <p:nvSpPr>
          <p:cNvPr id="7" name="Agenda"/>
          <p:cNvSpPr txBox="1"/>
          <p:nvPr>
            <p:custDataLst>
              <p:tags r:id="rId1"/>
            </p:custDataLst>
          </p:nvPr>
        </p:nvSpPr>
        <p:spPr>
          <a:xfrm>
            <a:off x="236498" y="1377898"/>
            <a:ext cx="12604789" cy="5339495"/>
          </a:xfrm>
          <a:prstGeom prst="rect">
            <a:avLst/>
          </a:prstGeom>
          <a:noFill/>
        </p:spPr>
        <p:txBody>
          <a:bodyPr vert="horz" wrap="square" lIns="32808" tIns="32808" rIns="32808" bIns="32808" rtlCol="0">
            <a:spAutoFit/>
          </a:bodyPr>
          <a:lstStyle/>
          <a:p>
            <a:pPr lvl="0"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GOVERNMENT MEASURES TO IMPROVE SALABILITY</a:t>
            </a:r>
            <a:endParaRPr lang="en-US" dirty="0">
              <a:solidFill>
                <a:prstClr val="black"/>
              </a:solidFill>
            </a:endParaRPr>
          </a:p>
          <a:p>
            <a:pPr marL="285750" lvl="0" indent="-285750">
              <a:spcBef>
                <a:spcPts val="3200"/>
              </a:spcBef>
              <a:buSzPct val="100000"/>
              <a:buFont typeface="Arial" panose="020B0604020202020204" pitchFamily="34" charset="0"/>
              <a:buChar char="•"/>
            </a:pPr>
            <a:r>
              <a:rPr lang="en-US" dirty="0">
                <a:solidFill>
                  <a:prstClr val="black"/>
                </a:solidFill>
              </a:rPr>
              <a:t>Agricultural income is tax free for any individual or firm.</a:t>
            </a:r>
          </a:p>
          <a:p>
            <a:pPr marL="285750" lvl="0" indent="-285750">
              <a:spcBef>
                <a:spcPts val="3200"/>
              </a:spcBef>
              <a:buSzPct val="100000"/>
              <a:buFont typeface="Arial" panose="020B0604020202020204" pitchFamily="34" charset="0"/>
              <a:buChar char="•"/>
            </a:pPr>
            <a:r>
              <a:rPr lang="en-US" dirty="0">
                <a:solidFill>
                  <a:prstClr val="black"/>
                </a:solidFill>
              </a:rPr>
              <a:t>Government offers crop insurance for any individual or firm engaged in farming activities.</a:t>
            </a:r>
          </a:p>
          <a:p>
            <a:pPr marL="285750" lvl="0" indent="-285750">
              <a:spcBef>
                <a:spcPts val="3200"/>
              </a:spcBef>
              <a:buSzPct val="100000"/>
              <a:buFont typeface="Arial" panose="020B0604020202020204" pitchFamily="34" charset="0"/>
              <a:buChar char="•"/>
            </a:pPr>
            <a:r>
              <a:rPr lang="en-US" dirty="0">
                <a:solidFill>
                  <a:prstClr val="black"/>
                </a:solidFill>
              </a:rPr>
              <a:t>Government has set up procurement centers offering fixed purchase prices for various crops.</a:t>
            </a:r>
          </a:p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INCENTIVES PROMOTING AGRICULTURAL &amp; RELATED ACTIVITIES</a:t>
            </a:r>
          </a:p>
          <a:p>
            <a:pPr marL="285750" lvl="0" indent="-285750">
              <a:spcBef>
                <a:spcPts val="3200"/>
              </a:spcBef>
              <a:buSzPct val="100000"/>
              <a:buFont typeface="Arial" panose="020B0604020202020204" pitchFamily="34" charset="0"/>
              <a:buChar char="•"/>
            </a:pPr>
            <a:r>
              <a:rPr lang="en-US" dirty="0">
                <a:solidFill>
                  <a:prstClr val="black"/>
                </a:solidFill>
              </a:rPr>
              <a:t>Government offers a INR 2 M grant for setting up horticulture plants.</a:t>
            </a:r>
          </a:p>
          <a:p>
            <a:pPr marL="285750" indent="-285750">
              <a:spcBef>
                <a:spcPts val="3200"/>
              </a:spcBef>
              <a:buSzPct val="100000"/>
              <a:buFont typeface="Arial" panose="020B0604020202020204" pitchFamily="34" charset="0"/>
              <a:buChar char="•"/>
            </a:pPr>
            <a:r>
              <a:rPr lang="en-US" dirty="0">
                <a:solidFill>
                  <a:prstClr val="black"/>
                </a:solidFill>
              </a:rPr>
              <a:t>Prime Minister Employment Scheme offers a INR 1 M grant to start beekeeping.</a:t>
            </a:r>
          </a:p>
          <a:p>
            <a:pPr marL="285750" indent="-285750">
              <a:spcBef>
                <a:spcPts val="3200"/>
              </a:spcBef>
              <a:buSzPct val="100000"/>
              <a:buFont typeface="Arial" panose="020B0604020202020204" pitchFamily="34" charset="0"/>
              <a:buChar char="•"/>
            </a:pPr>
            <a:r>
              <a:rPr lang="en-US" dirty="0">
                <a:solidFill>
                  <a:prstClr val="black"/>
                </a:solidFill>
              </a:rPr>
              <a:t>National Bee Board offers 35% subsidy for apiary set-up and development activities.</a:t>
            </a:r>
          </a:p>
        </p:txBody>
      </p:sp>
      <p:sp>
        <p:nvSpPr>
          <p:cNvPr id="6" name="Rectangle 5"/>
          <p:cNvSpPr/>
          <p:nvPr/>
        </p:nvSpPr>
        <p:spPr>
          <a:xfrm>
            <a:off x="0" y="7159936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8" name="Rectangle 7"/>
          <p:cNvSpPr/>
          <p:nvPr/>
        </p:nvSpPr>
        <p:spPr>
          <a:xfrm>
            <a:off x="0" y="9663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582672863"/>
      </p:ext>
    </p:extLst>
  </p:cSld>
  <p:clrMapOvr>
    <a:masterClrMapping/>
  </p:clrMapOvr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8E3BDED8-65E9-BA41-B124-12FB85E2A979}"/>
              </a:ext>
            </a:extLst>
          </p:cNvPr>
          <p:cNvSpPr txBox="1">
            <a:spLocks/>
          </p:cNvSpPr>
          <p:nvPr/>
        </p:nvSpPr>
        <p:spPr bwMode="gray">
          <a:xfrm>
            <a:off x="236498" y="271243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Policies of Government of India and its alignment with the fund’s objectives</a:t>
            </a:r>
            <a:endParaRPr lang="en-US" sz="2400" b="1" dirty="0">
              <a:solidFill>
                <a:srgbClr val="009051"/>
              </a:solidFill>
            </a:endParaRP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C2B8FBA4-AABB-9F43-AAC8-A23E6F087BE2}"/>
              </a:ext>
            </a:extLst>
          </p:cNvPr>
          <p:cNvSpPr/>
          <p:nvPr/>
        </p:nvSpPr>
        <p:spPr>
          <a:xfrm>
            <a:off x="2051522" y="1646087"/>
            <a:ext cx="3890344" cy="834389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9547" tIns="31592" rIns="63182" bIns="31592" rtlCol="0" anchor="ctr" anchorCtr="0"/>
          <a:lstStyle/>
          <a:p>
            <a:r>
              <a:rPr lang="en-GB" sz="2300" b="1" dirty="0">
                <a:solidFill>
                  <a:srgbClr val="009051"/>
                </a:solidFill>
              </a:rPr>
              <a:t>Doubling Farmer’s Income</a:t>
            </a:r>
          </a:p>
        </p:txBody>
      </p:sp>
      <p:sp>
        <p:nvSpPr>
          <p:cNvPr id="8" name="KMA6C131B">
            <a:extLst>
              <a:ext uri="{FF2B5EF4-FFF2-40B4-BE49-F238E27FC236}">
                <a16:creationId xmlns:a16="http://schemas.microsoft.com/office/drawing/2014/main" id="{26A7DACA-A98C-B241-B9BB-B822C000657C}"/>
              </a:ext>
            </a:extLst>
          </p:cNvPr>
          <p:cNvSpPr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5842527" y="1516081"/>
            <a:ext cx="6972323" cy="1319198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The government of India has targeted to double the farmer’s income by 2022 through initiatives such as improvement of crop productivity, improvement of livestock productivity etc.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1600" dirty="0"/>
              <a:t>The fund also aims to double farmer’s income over 10 years.</a:t>
            </a:r>
            <a:endParaRPr lang="en-IN" sz="1400" dirty="0"/>
          </a:p>
          <a:p>
            <a:r>
              <a:rPr lang="en-GB" sz="1700" dirty="0"/>
              <a:t> </a:t>
            </a: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0C33DE84-D00A-CC43-978E-A0815674E6FF}"/>
              </a:ext>
            </a:extLst>
          </p:cNvPr>
          <p:cNvSpPr/>
          <p:nvPr/>
        </p:nvSpPr>
        <p:spPr>
          <a:xfrm>
            <a:off x="2051523" y="3645304"/>
            <a:ext cx="3890342" cy="834389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9547" tIns="31592" rIns="63182" bIns="31592" rtlCol="0" anchor="ctr" anchorCtr="0"/>
          <a:lstStyle/>
          <a:p>
            <a:r>
              <a:rPr lang="en-GB" sz="2300" b="1" dirty="0">
                <a:solidFill>
                  <a:srgbClr val="009051"/>
                </a:solidFill>
              </a:rPr>
              <a:t>PMFBY (Crop Insurance Scheme) </a:t>
            </a:r>
          </a:p>
        </p:txBody>
      </p:sp>
      <p:sp>
        <p:nvSpPr>
          <p:cNvPr id="14" name="KMA6C131B">
            <a:extLst>
              <a:ext uri="{FF2B5EF4-FFF2-40B4-BE49-F238E27FC236}">
                <a16:creationId xmlns:a16="http://schemas.microsoft.com/office/drawing/2014/main" id="{3AA55AF5-96D7-9248-8FB3-970E1BC4DDD6}"/>
              </a:ext>
            </a:extLst>
          </p:cNvPr>
          <p:cNvSpPr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5842527" y="3439796"/>
            <a:ext cx="6813020" cy="1303809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GB" sz="1600" dirty="0"/>
              <a:t>The scheme aims to reduce risks in farming by providing financial support in case of crop damage and encourage adoption of modern agricultural practice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GB" sz="1600" dirty="0"/>
              <a:t>Our fund aims to directly achieve above objectives by spreading risk over different entities apart from insuring crops </a:t>
            </a:r>
          </a:p>
        </p:txBody>
      </p:sp>
      <p:pic>
        <p:nvPicPr>
          <p:cNvPr id="39" name="Picture 38">
            <a:extLst>
              <a:ext uri="{FF2B5EF4-FFF2-40B4-BE49-F238E27FC236}">
                <a16:creationId xmlns:a16="http://schemas.microsoft.com/office/drawing/2014/main" id="{B3EBCF7A-A7D4-7D45-BAD3-B2A3BD24CD8A}"/>
              </a:ext>
            </a:extLst>
          </p:cNvPr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6497" y="1391217"/>
            <a:ext cx="1708936" cy="1340342"/>
          </a:xfrm>
          <a:prstGeom prst="rect">
            <a:avLst/>
          </a:prstGeom>
        </p:spPr>
      </p:pic>
      <p:pic>
        <p:nvPicPr>
          <p:cNvPr id="40" name="Picture 39">
            <a:extLst>
              <a:ext uri="{FF2B5EF4-FFF2-40B4-BE49-F238E27FC236}">
                <a16:creationId xmlns:a16="http://schemas.microsoft.com/office/drawing/2014/main" id="{CB87C1E3-F25C-0840-97BB-58ED4AE727F2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335920" y="3246231"/>
            <a:ext cx="1510091" cy="1510091"/>
          </a:xfrm>
          <a:prstGeom prst="rect">
            <a:avLst/>
          </a:prstGeom>
        </p:spPr>
      </p:pic>
      <p:sp>
        <p:nvSpPr>
          <p:cNvPr id="41" name="Rectangle 40">
            <a:extLst>
              <a:ext uri="{FF2B5EF4-FFF2-40B4-BE49-F238E27FC236}">
                <a16:creationId xmlns:a16="http://schemas.microsoft.com/office/drawing/2014/main" id="{9EFD3DD7-4970-CA4D-A89D-E5DF3C8B6F4E}"/>
              </a:ext>
            </a:extLst>
          </p:cNvPr>
          <p:cNvSpPr/>
          <p:nvPr/>
        </p:nvSpPr>
        <p:spPr>
          <a:xfrm>
            <a:off x="2051523" y="5644520"/>
            <a:ext cx="3890342" cy="834389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189547" tIns="31592" rIns="63182" bIns="31592" rtlCol="0" anchor="ctr" anchorCtr="0"/>
          <a:lstStyle/>
          <a:p>
            <a:r>
              <a:rPr lang="en-GB" sz="2300" b="1" dirty="0" err="1">
                <a:solidFill>
                  <a:srgbClr val="009051"/>
                </a:solidFill>
              </a:rPr>
              <a:t>eNAM</a:t>
            </a:r>
            <a:r>
              <a:rPr lang="en-GB" sz="2300" b="1" dirty="0">
                <a:solidFill>
                  <a:srgbClr val="009051"/>
                </a:solidFill>
              </a:rPr>
              <a:t> (National Agricultural Market)</a:t>
            </a:r>
          </a:p>
        </p:txBody>
      </p:sp>
      <p:sp>
        <p:nvSpPr>
          <p:cNvPr id="42" name="KMA6C131B">
            <a:extLst>
              <a:ext uri="{FF2B5EF4-FFF2-40B4-BE49-F238E27FC236}">
                <a16:creationId xmlns:a16="http://schemas.microsoft.com/office/drawing/2014/main" id="{B09E0E64-E92D-E946-BF6C-581E6DAA3958}"/>
              </a:ext>
            </a:extLst>
          </p:cNvPr>
          <p:cNvSpPr>
            <a:spLocks noChangeArrowheads="1"/>
          </p:cNvSpPr>
          <p:nvPr>
            <p:custDataLst>
              <p:tags r:id="rId3"/>
            </p:custDataLst>
          </p:nvPr>
        </p:nvSpPr>
        <p:spPr bwMode="auto">
          <a:xfrm>
            <a:off x="5842527" y="5562404"/>
            <a:ext cx="6813020" cy="1057588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GB" sz="1600" dirty="0"/>
              <a:t>Online market place for agricultural commodities to ensure better price discovery and quick payment for the good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GB" sz="1600" dirty="0"/>
              <a:t>The fund also aims to arrange for the best price for the farm produce by directly selling it to retailers</a:t>
            </a:r>
          </a:p>
        </p:txBody>
      </p:sp>
      <p:pic>
        <p:nvPicPr>
          <p:cNvPr id="44" name="Picture 43">
            <a:extLst>
              <a:ext uri="{FF2B5EF4-FFF2-40B4-BE49-F238E27FC236}">
                <a16:creationId xmlns:a16="http://schemas.microsoft.com/office/drawing/2014/main" id="{BC79B5C1-77F0-5442-98C8-7A6139DB82FF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63905" y="5270995"/>
            <a:ext cx="2054121" cy="1540591"/>
          </a:xfrm>
          <a:prstGeom prst="rect">
            <a:avLst/>
          </a:prstGeom>
        </p:spPr>
      </p:pic>
      <p:sp>
        <p:nvSpPr>
          <p:cNvPr id="47" name="Rectangle 46">
            <a:extLst>
              <a:ext uri="{FF2B5EF4-FFF2-40B4-BE49-F238E27FC236}">
                <a16:creationId xmlns:a16="http://schemas.microsoft.com/office/drawing/2014/main" id="{A5CE1588-8F49-544B-8AF6-5E9D8DCB689A}"/>
              </a:ext>
            </a:extLst>
          </p:cNvPr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48" name="Rectangle 47">
            <a:extLst>
              <a:ext uri="{FF2B5EF4-FFF2-40B4-BE49-F238E27FC236}">
                <a16:creationId xmlns:a16="http://schemas.microsoft.com/office/drawing/2014/main" id="{3EE9C271-AF49-F749-A844-C73AA0C6A553}"/>
              </a:ext>
            </a:extLst>
          </p:cNvPr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cxnSp>
        <p:nvCxnSpPr>
          <p:cNvPr id="16" name="Straight Connector 15">
            <a:extLst>
              <a:ext uri="{FF2B5EF4-FFF2-40B4-BE49-F238E27FC236}">
                <a16:creationId xmlns:a16="http://schemas.microsoft.com/office/drawing/2014/main" id="{FCCFE5DD-705E-DD4D-8B10-306D5493CD97}"/>
              </a:ext>
            </a:extLst>
          </p:cNvPr>
          <p:cNvCxnSpPr/>
          <p:nvPr/>
        </p:nvCxnSpPr>
        <p:spPr>
          <a:xfrm>
            <a:off x="308270" y="2956150"/>
            <a:ext cx="12240000" cy="0"/>
          </a:xfrm>
          <a:prstGeom prst="line">
            <a:avLst/>
          </a:prstGeom>
          <a:ln w="19050">
            <a:solidFill>
              <a:srgbClr val="009051"/>
            </a:solidFill>
            <a:prstDash val="lg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7" name="Straight Connector 16">
            <a:extLst>
              <a:ext uri="{FF2B5EF4-FFF2-40B4-BE49-F238E27FC236}">
                <a16:creationId xmlns:a16="http://schemas.microsoft.com/office/drawing/2014/main" id="{FCCFE5DD-705E-DD4D-8B10-306D5493CD97}"/>
              </a:ext>
            </a:extLst>
          </p:cNvPr>
          <p:cNvCxnSpPr/>
          <p:nvPr/>
        </p:nvCxnSpPr>
        <p:spPr>
          <a:xfrm>
            <a:off x="335920" y="5091586"/>
            <a:ext cx="12240000" cy="0"/>
          </a:xfrm>
          <a:prstGeom prst="line">
            <a:avLst/>
          </a:prstGeom>
          <a:ln w="19050">
            <a:solidFill>
              <a:srgbClr val="009051"/>
            </a:solidFill>
            <a:prstDash val="lg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776380115"/>
      </p:ext>
    </p:extLst>
  </p:cSld>
  <p:clrMapOvr>
    <a:masterClrMapping/>
  </p:clrMapOvr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" name="BainBulletsConfiguration" hidden="1"/>
          <p:cNvSpPr txBox="1"/>
          <p:nvPr/>
        </p:nvSpPr>
        <p:spPr>
          <a:xfrm>
            <a:off x="1712288" y="12323"/>
            <a:ext cx="8626466" cy="107722"/>
          </a:xfrm>
          <a:prstGeom prst="rect">
            <a:avLst/>
          </a:prstGeom>
          <a:noFill/>
        </p:spPr>
        <p:txBody>
          <a:bodyPr vert="horz" wrap="square" lIns="44365" rIns="44365" rtlCol="0">
            <a:spAutoFit/>
          </a:bodyPr>
          <a:lstStyle/>
          <a:p>
            <a:r>
              <a:rPr lang="en-US" sz="100" dirty="0">
                <a:solidFill>
                  <a:srgbClr val="FFFFFF"/>
                </a:solidFill>
              </a:rPr>
              <a:t>27_84 28_84 31_84</a:t>
            </a:r>
          </a:p>
        </p:txBody>
      </p:sp>
      <p:sp>
        <p:nvSpPr>
          <p:cNvPr id="30" name="Right Arrow 29"/>
          <p:cNvSpPr/>
          <p:nvPr/>
        </p:nvSpPr>
        <p:spPr>
          <a:xfrm>
            <a:off x="5526819" y="5651740"/>
            <a:ext cx="1017110" cy="1166408"/>
          </a:xfrm>
          <a:prstGeom prst="rightArrow">
            <a:avLst>
              <a:gd name="adj1" fmla="val 75688"/>
              <a:gd name="adj2" fmla="val 50000"/>
            </a:avLst>
          </a:prstGeom>
          <a:solidFill>
            <a:srgbClr val="FFFFFF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4365" tIns="44365" rIns="44365" bIns="44365" rtlCol="0" anchor="ctr"/>
          <a:lstStyle/>
          <a:p>
            <a:pPr algn="ctr"/>
            <a:endParaRPr lang="en-US" sz="1941" dirty="0">
              <a:solidFill>
                <a:srgbClr val="000000"/>
              </a:solidFill>
            </a:endParaRPr>
          </a:p>
        </p:txBody>
      </p:sp>
      <p:sp>
        <p:nvSpPr>
          <p:cNvPr id="19" name="Title 1">
            <a:extLst>
              <a:ext uri="{FF2B5EF4-FFF2-40B4-BE49-F238E27FC236}">
                <a16:creationId xmlns:a16="http://schemas.microsoft.com/office/drawing/2014/main" id="{5E555FDA-F4B6-2245-A92A-E847FDFB68C9}"/>
              </a:ext>
            </a:extLst>
          </p:cNvPr>
          <p:cNvSpPr txBox="1">
            <a:spLocks/>
          </p:cNvSpPr>
          <p:nvPr/>
        </p:nvSpPr>
        <p:spPr bwMode="gray">
          <a:xfrm>
            <a:off x="236498" y="271243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We also address several of the sustainable development goals</a:t>
            </a:r>
            <a:r>
              <a:rPr lang="en-US" sz="2400" b="1" dirty="0">
                <a:solidFill>
                  <a:srgbClr val="009051"/>
                </a:solidFill>
              </a:rPr>
              <a:t> </a:t>
            </a:r>
            <a:r>
              <a:rPr lang="en-US" sz="3300" b="1" dirty="0">
                <a:solidFill>
                  <a:srgbClr val="009051"/>
                </a:solidFill>
              </a:rPr>
              <a:t>Set by the un</a:t>
            </a:r>
            <a:endParaRPr lang="en-US" sz="2400" b="1" dirty="0">
              <a:solidFill>
                <a:srgbClr val="009051"/>
              </a:solidFill>
            </a:endParaRPr>
          </a:p>
        </p:txBody>
      </p:sp>
      <p:sp>
        <p:nvSpPr>
          <p:cNvPr id="20" name="Rectangle 19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63" name="Rectangle 62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graphicFrame>
        <p:nvGraphicFramePr>
          <p:cNvPr id="44" name="Diagram 43"/>
          <p:cNvGraphicFramePr/>
          <p:nvPr/>
        </p:nvGraphicFramePr>
        <p:xfrm>
          <a:off x="-371632" y="1110909"/>
          <a:ext cx="12280866" cy="5707239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  <p:sp>
        <p:nvSpPr>
          <p:cNvPr id="15" name="Rounded Rectangle 14"/>
          <p:cNvSpPr/>
          <p:nvPr/>
        </p:nvSpPr>
        <p:spPr>
          <a:xfrm>
            <a:off x="236498" y="1897768"/>
            <a:ext cx="6999189" cy="1213922"/>
          </a:xfrm>
          <a:prstGeom prst="roundRect">
            <a:avLst/>
          </a:prstGeom>
          <a:solidFill>
            <a:schemeClr val="bg2">
              <a:alpha val="69804"/>
            </a:schemeClr>
          </a:solidFill>
          <a:ln w="19050">
            <a:solidFill>
              <a:srgbClr val="00905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t"/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IN" sz="1400" b="1" u="sng" dirty="0">
                <a:solidFill>
                  <a:srgbClr val="009051"/>
                </a:solidFill>
              </a:rPr>
              <a:t>Decent work and economic growth:</a:t>
            </a:r>
            <a:r>
              <a:rPr lang="en-IN" sz="1400" dirty="0">
                <a:solidFill>
                  <a:schemeClr val="tx1"/>
                </a:solidFill>
              </a:rPr>
              <a:t> Farmers earn a better livelihood with higher wages, and are further empowered through land ownership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IN" sz="1400" b="1" u="sng" dirty="0">
                <a:solidFill>
                  <a:srgbClr val="009051"/>
                </a:solidFill>
              </a:rPr>
              <a:t>No poverty:</a:t>
            </a:r>
            <a:r>
              <a:rPr lang="en-IN" sz="1400" dirty="0">
                <a:solidFill>
                  <a:schemeClr val="tx1"/>
                </a:solidFill>
              </a:rPr>
              <a:t> Provide higher incomes to farmer as well as provide training and a network that would allow them to earn more than they would on their own  </a:t>
            </a:r>
          </a:p>
        </p:txBody>
      </p:sp>
      <p:sp>
        <p:nvSpPr>
          <p:cNvPr id="48" name="Rounded Rectangle 47"/>
          <p:cNvSpPr/>
          <p:nvPr/>
        </p:nvSpPr>
        <p:spPr>
          <a:xfrm>
            <a:off x="236499" y="3522752"/>
            <a:ext cx="8880997" cy="1466835"/>
          </a:xfrm>
          <a:prstGeom prst="roundRect">
            <a:avLst/>
          </a:prstGeom>
          <a:solidFill>
            <a:schemeClr val="bg2">
              <a:alpha val="69804"/>
            </a:schemeClr>
          </a:solidFill>
          <a:ln w="19050">
            <a:solidFill>
              <a:srgbClr val="00905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t"/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IN" sz="1400" b="1" u="sng" dirty="0">
                <a:solidFill>
                  <a:srgbClr val="009051"/>
                </a:solidFill>
              </a:rPr>
              <a:t>Gender equality:</a:t>
            </a:r>
            <a:r>
              <a:rPr lang="en-IN" sz="1400" dirty="0">
                <a:solidFill>
                  <a:schemeClr val="tx1"/>
                </a:solidFill>
              </a:rPr>
              <a:t> Maintain 25% quota for female farmers to provide them a source of livelihood and promote their financial independence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IN" sz="1400" b="1" u="sng" dirty="0">
                <a:solidFill>
                  <a:srgbClr val="009051"/>
                </a:solidFill>
              </a:rPr>
              <a:t>Zero hunger:</a:t>
            </a:r>
            <a:r>
              <a:rPr lang="en-IN" sz="1400" dirty="0">
                <a:solidFill>
                  <a:schemeClr val="tx1"/>
                </a:solidFill>
              </a:rPr>
              <a:t> Procure inputs and provide training that help improve farmer productivity and yields, thereby contributing to global food supplie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IN" sz="1400" b="1" u="sng" dirty="0">
                <a:solidFill>
                  <a:srgbClr val="009051"/>
                </a:solidFill>
              </a:rPr>
              <a:t>Reduced inequalities:</a:t>
            </a:r>
            <a:r>
              <a:rPr lang="en-IN" sz="1400" dirty="0">
                <a:solidFill>
                  <a:schemeClr val="tx1"/>
                </a:solidFill>
              </a:rPr>
              <a:t> Transfer land ownership from large landlord to small farmers to help them reap the benefits of future profits from the land</a:t>
            </a:r>
            <a:endParaRPr lang="en-IN" sz="1400" b="1" u="sng" dirty="0">
              <a:solidFill>
                <a:schemeClr val="tx1"/>
              </a:solidFill>
            </a:endParaRPr>
          </a:p>
          <a:p>
            <a:endParaRPr lang="en-IN" sz="1400" dirty="0">
              <a:solidFill>
                <a:schemeClr val="tx1"/>
              </a:solidFill>
            </a:endParaRPr>
          </a:p>
        </p:txBody>
      </p:sp>
      <p:sp>
        <p:nvSpPr>
          <p:cNvPr id="52" name="Rounded Rectangle 51"/>
          <p:cNvSpPr/>
          <p:nvPr/>
        </p:nvSpPr>
        <p:spPr>
          <a:xfrm>
            <a:off x="236498" y="5400648"/>
            <a:ext cx="10073693" cy="1417499"/>
          </a:xfrm>
          <a:prstGeom prst="roundRect">
            <a:avLst/>
          </a:prstGeom>
          <a:solidFill>
            <a:schemeClr val="bg2">
              <a:alpha val="69804"/>
            </a:schemeClr>
          </a:solidFill>
          <a:ln w="19050">
            <a:solidFill>
              <a:srgbClr val="00905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t"/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IN" sz="1400" b="1" u="sng" dirty="0">
                <a:solidFill>
                  <a:srgbClr val="009051"/>
                </a:solidFill>
              </a:rPr>
              <a:t>Life on land:</a:t>
            </a:r>
            <a:r>
              <a:rPr lang="en-IN" sz="1400" dirty="0">
                <a:solidFill>
                  <a:schemeClr val="tx1"/>
                </a:solidFill>
              </a:rPr>
              <a:t> We train farmers to preserve the soil and promote agricultural practices that do not damage soil quality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IN" sz="1400" b="1" u="sng" dirty="0">
                <a:solidFill>
                  <a:srgbClr val="009051"/>
                </a:solidFill>
              </a:rPr>
              <a:t>Partnerships:</a:t>
            </a:r>
            <a:r>
              <a:rPr lang="en-IN" sz="1400" dirty="0">
                <a:solidFill>
                  <a:schemeClr val="tx1"/>
                </a:solidFill>
              </a:rPr>
              <a:t> Develop and maintain partnerships with players across the supply chain, in addition to institutional collaborations for promotion of best practises 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IN" sz="1400" b="1" u="sng" dirty="0">
                <a:solidFill>
                  <a:srgbClr val="009051"/>
                </a:solidFill>
              </a:rPr>
              <a:t>Good health and well-being:</a:t>
            </a:r>
            <a:r>
              <a:rPr lang="en-IN" sz="1400" dirty="0">
                <a:solidFill>
                  <a:schemeClr val="tx1"/>
                </a:solidFill>
              </a:rPr>
              <a:t> Investing in a community fund to build infrastructure for health, as well promoting overall well-being through increased prosperity in the community</a:t>
            </a:r>
            <a:endParaRPr lang="en-IN" sz="1400" b="1" u="sng" dirty="0">
              <a:solidFill>
                <a:schemeClr val="tx1"/>
              </a:solidFill>
            </a:endParaRPr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AA0788DE-2154-5844-8FFB-443362A5AC24}"/>
              </a:ext>
            </a:extLst>
          </p:cNvPr>
          <p:cNvSpPr txBox="1"/>
          <p:nvPr/>
        </p:nvSpPr>
        <p:spPr>
          <a:xfrm>
            <a:off x="7297544" y="2314489"/>
            <a:ext cx="2475921" cy="380480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2000" b="1" dirty="0">
                <a:solidFill>
                  <a:srgbClr val="009051"/>
                </a:solidFill>
              </a:rPr>
              <a:t>Level 1 Impact</a:t>
            </a: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9A04A602-C825-9A45-AB65-1F13DF6FAC8B}"/>
              </a:ext>
            </a:extLst>
          </p:cNvPr>
          <p:cNvSpPr txBox="1"/>
          <p:nvPr/>
        </p:nvSpPr>
        <p:spPr>
          <a:xfrm>
            <a:off x="9120807" y="4011822"/>
            <a:ext cx="2431775" cy="380480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2000" b="1" dirty="0">
                <a:solidFill>
                  <a:srgbClr val="009051"/>
                </a:solidFill>
              </a:rPr>
              <a:t>Level 2 Impact</a:t>
            </a:r>
          </a:p>
        </p:txBody>
      </p:sp>
      <p:sp>
        <p:nvSpPr>
          <p:cNvPr id="14" name="TextBox 13">
            <a:extLst>
              <a:ext uri="{FF2B5EF4-FFF2-40B4-BE49-F238E27FC236}">
                <a16:creationId xmlns:a16="http://schemas.microsoft.com/office/drawing/2014/main" id="{1ED1C18D-D434-6041-A234-E129081D9BD4}"/>
              </a:ext>
            </a:extLst>
          </p:cNvPr>
          <p:cNvSpPr txBox="1"/>
          <p:nvPr/>
        </p:nvSpPr>
        <p:spPr>
          <a:xfrm>
            <a:off x="10336695" y="5881431"/>
            <a:ext cx="2398565" cy="380480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2000" b="1" dirty="0">
                <a:solidFill>
                  <a:srgbClr val="009051"/>
                </a:solidFill>
              </a:rPr>
              <a:t>Level 3 Impact</a:t>
            </a: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D9C36294-F85B-8C4E-A8B3-D68778028AE3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10310191" y="1348491"/>
            <a:ext cx="2135768" cy="213576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1514388"/>
      </p:ext>
    </p:extLst>
  </p:cSld>
  <p:clrMapOvr>
    <a:masterClrMapping/>
  </p:clrMapOvr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1">
            <a:extLst>
              <a:ext uri="{FF2B5EF4-FFF2-40B4-BE49-F238E27FC236}">
                <a16:creationId xmlns:a16="http://schemas.microsoft.com/office/drawing/2014/main" id="{D5B1C0A7-38E7-4248-A5DE-0D739461F8F3}"/>
              </a:ext>
            </a:extLst>
          </p:cNvPr>
          <p:cNvSpPr txBox="1">
            <a:spLocks/>
          </p:cNvSpPr>
          <p:nvPr/>
        </p:nvSpPr>
        <p:spPr bwMode="gray">
          <a:xfrm>
            <a:off x="236498" y="308222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The model can be scaled in both domestic and international markets across products</a:t>
            </a:r>
          </a:p>
        </p:txBody>
      </p:sp>
      <p:sp>
        <p:nvSpPr>
          <p:cNvPr id="4" name="Rectangle 3"/>
          <p:cNvSpPr/>
          <p:nvPr/>
        </p:nvSpPr>
        <p:spPr>
          <a:xfrm>
            <a:off x="0" y="7159936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0" y="9663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7" name="Title 1">
            <a:extLst>
              <a:ext uri="{FF2B5EF4-FFF2-40B4-BE49-F238E27FC236}">
                <a16:creationId xmlns:a16="http://schemas.microsoft.com/office/drawing/2014/main" id="{B3347907-FD98-4BA2-8FFF-739917E3390D}"/>
              </a:ext>
            </a:extLst>
          </p:cNvPr>
          <p:cNvSpPr txBox="1">
            <a:spLocks/>
          </p:cNvSpPr>
          <p:nvPr/>
        </p:nvSpPr>
        <p:spPr bwMode="gray">
          <a:xfrm>
            <a:off x="773106" y="3802817"/>
            <a:ext cx="7068379" cy="52798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endParaRPr lang="en-US" sz="3300" b="1" dirty="0">
              <a:solidFill>
                <a:srgbClr val="002060"/>
              </a:solidFill>
            </a:endParaRPr>
          </a:p>
        </p:txBody>
      </p:sp>
      <p:sp>
        <p:nvSpPr>
          <p:cNvPr id="8" name="Rounded Rectangle 3">
            <a:extLst>
              <a:ext uri="{FF2B5EF4-FFF2-40B4-BE49-F238E27FC236}">
                <a16:creationId xmlns:a16="http://schemas.microsoft.com/office/drawing/2014/main" id="{C5BB2942-4C8D-4549-B079-F04C032C4496}"/>
              </a:ext>
            </a:extLst>
          </p:cNvPr>
          <p:cNvSpPr/>
          <p:nvPr/>
        </p:nvSpPr>
        <p:spPr>
          <a:xfrm>
            <a:off x="421961" y="1658906"/>
            <a:ext cx="1260117" cy="1349985"/>
          </a:xfrm>
          <a:prstGeom prst="roundRect">
            <a:avLst>
              <a:gd name="adj" fmla="val 50000"/>
            </a:avLst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FFFFFF"/>
              </a:solidFill>
            </a:endParaRP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98F02BA5-7DE1-4CA4-9B37-FB4C032A52E4}"/>
              </a:ext>
            </a:extLst>
          </p:cNvPr>
          <p:cNvSpPr/>
          <p:nvPr/>
        </p:nvSpPr>
        <p:spPr>
          <a:xfrm>
            <a:off x="1052020" y="1658906"/>
            <a:ext cx="3233024" cy="1349985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FFFFFF"/>
              </a:solidFill>
            </a:endParaRPr>
          </a:p>
        </p:txBody>
      </p:sp>
      <p:sp>
        <p:nvSpPr>
          <p:cNvPr id="10" name="Rounded Rectangle 6">
            <a:extLst>
              <a:ext uri="{FF2B5EF4-FFF2-40B4-BE49-F238E27FC236}">
                <a16:creationId xmlns:a16="http://schemas.microsoft.com/office/drawing/2014/main" id="{0CDE925F-2E87-4DA5-8977-2F51B22AB18D}"/>
              </a:ext>
            </a:extLst>
          </p:cNvPr>
          <p:cNvSpPr/>
          <p:nvPr/>
        </p:nvSpPr>
        <p:spPr>
          <a:xfrm>
            <a:off x="524178" y="1754832"/>
            <a:ext cx="1068263" cy="1144450"/>
          </a:xfrm>
          <a:prstGeom prst="roundRect">
            <a:avLst>
              <a:gd name="adj" fmla="val 50000"/>
            </a:avLst>
          </a:prstGeom>
          <a:solidFill>
            <a:srgbClr val="FFFFFF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000000"/>
              </a:solidFill>
            </a:endParaRP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6DD9C98F-605C-4CBC-AFE7-0B7FD2EEFFD5}"/>
              </a:ext>
            </a:extLst>
          </p:cNvPr>
          <p:cNvSpPr/>
          <p:nvPr/>
        </p:nvSpPr>
        <p:spPr>
          <a:xfrm>
            <a:off x="4478083" y="1658906"/>
            <a:ext cx="7710199" cy="1349985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>
                <a:solidFill>
                  <a:srgbClr val="000000"/>
                </a:solidFill>
              </a:rPr>
              <a:t>India has 215mn acres of gross irrigated land, out of which ~65% is with landlord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>
                <a:solidFill>
                  <a:srgbClr val="000000"/>
                </a:solidFill>
              </a:rPr>
              <a:t>Locus Agriculture is currently planning to expand only to 2500 acres, leaving a vast untapped market</a:t>
            </a:r>
          </a:p>
        </p:txBody>
      </p:sp>
      <p:sp>
        <p:nvSpPr>
          <p:cNvPr id="12" name="Rounded Rectangle 8">
            <a:extLst>
              <a:ext uri="{FF2B5EF4-FFF2-40B4-BE49-F238E27FC236}">
                <a16:creationId xmlns:a16="http://schemas.microsoft.com/office/drawing/2014/main" id="{531BAD6C-DA48-4CA8-8227-20B06D433CFD}"/>
              </a:ext>
            </a:extLst>
          </p:cNvPr>
          <p:cNvSpPr/>
          <p:nvPr/>
        </p:nvSpPr>
        <p:spPr>
          <a:xfrm>
            <a:off x="421961" y="3271424"/>
            <a:ext cx="1260117" cy="1349985"/>
          </a:xfrm>
          <a:prstGeom prst="roundRect">
            <a:avLst>
              <a:gd name="adj" fmla="val 50000"/>
            </a:avLst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FFFFFF"/>
              </a:solidFill>
            </a:endParaRP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35165135-84DE-422A-A399-81EDD83F46FF}"/>
              </a:ext>
            </a:extLst>
          </p:cNvPr>
          <p:cNvSpPr/>
          <p:nvPr/>
        </p:nvSpPr>
        <p:spPr>
          <a:xfrm>
            <a:off x="1052020" y="3271424"/>
            <a:ext cx="3233024" cy="1349985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FFFFFF"/>
              </a:solidFill>
            </a:endParaRPr>
          </a:p>
        </p:txBody>
      </p:sp>
      <p:sp>
        <p:nvSpPr>
          <p:cNvPr id="14" name="Rounded Rectangle 10">
            <a:extLst>
              <a:ext uri="{FF2B5EF4-FFF2-40B4-BE49-F238E27FC236}">
                <a16:creationId xmlns:a16="http://schemas.microsoft.com/office/drawing/2014/main" id="{8E4FC13A-5F36-4C31-8B8B-E8EECE06FBA3}"/>
              </a:ext>
            </a:extLst>
          </p:cNvPr>
          <p:cNvSpPr/>
          <p:nvPr/>
        </p:nvSpPr>
        <p:spPr>
          <a:xfrm>
            <a:off x="524178" y="3367351"/>
            <a:ext cx="1068263" cy="1144450"/>
          </a:xfrm>
          <a:prstGeom prst="roundRect">
            <a:avLst>
              <a:gd name="adj" fmla="val 50000"/>
            </a:avLst>
          </a:prstGeom>
          <a:solidFill>
            <a:srgbClr val="FFFFFF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000000"/>
              </a:solidFill>
            </a:endParaRP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407C9F07-1581-4BDE-A208-C28F17C9286F}"/>
              </a:ext>
            </a:extLst>
          </p:cNvPr>
          <p:cNvSpPr/>
          <p:nvPr/>
        </p:nvSpPr>
        <p:spPr>
          <a:xfrm>
            <a:off x="4478083" y="3271424"/>
            <a:ext cx="7710199" cy="1349985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>
                <a:solidFill>
                  <a:srgbClr val="000000"/>
                </a:solidFill>
              </a:rPr>
              <a:t>Other countries like Liberia and Somalia are highly dependent on agriculture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>
                <a:solidFill>
                  <a:srgbClr val="000000"/>
                </a:solidFill>
              </a:rPr>
              <a:t>The model can be replicated across geographies with changes as per the country</a:t>
            </a:r>
          </a:p>
        </p:txBody>
      </p:sp>
      <p:sp>
        <p:nvSpPr>
          <p:cNvPr id="16" name="Rounded Rectangle 12">
            <a:extLst>
              <a:ext uri="{FF2B5EF4-FFF2-40B4-BE49-F238E27FC236}">
                <a16:creationId xmlns:a16="http://schemas.microsoft.com/office/drawing/2014/main" id="{61CABC85-B535-4464-8DD5-469C8C1B15AD}"/>
              </a:ext>
            </a:extLst>
          </p:cNvPr>
          <p:cNvSpPr/>
          <p:nvPr/>
        </p:nvSpPr>
        <p:spPr>
          <a:xfrm>
            <a:off x="421961" y="4939701"/>
            <a:ext cx="1260117" cy="1349985"/>
          </a:xfrm>
          <a:prstGeom prst="roundRect">
            <a:avLst>
              <a:gd name="adj" fmla="val 50000"/>
            </a:avLst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FFFFFF"/>
              </a:solidFill>
            </a:endParaRPr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999669A7-54BC-47BC-BB1C-A1B7A234695A}"/>
              </a:ext>
            </a:extLst>
          </p:cNvPr>
          <p:cNvSpPr/>
          <p:nvPr/>
        </p:nvSpPr>
        <p:spPr>
          <a:xfrm>
            <a:off x="1052020" y="4939701"/>
            <a:ext cx="3233024" cy="1349985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FFFFFF"/>
              </a:solidFill>
            </a:endParaRPr>
          </a:p>
        </p:txBody>
      </p:sp>
      <p:sp>
        <p:nvSpPr>
          <p:cNvPr id="23" name="Source">
            <a:extLst>
              <a:ext uri="{FF2B5EF4-FFF2-40B4-BE49-F238E27FC236}">
                <a16:creationId xmlns:a16="http://schemas.microsoft.com/office/drawing/2014/main" id="{761A2374-E81B-4DE9-A8D5-EA8713CB3161}"/>
              </a:ext>
            </a:extLst>
          </p:cNvPr>
          <p:cNvSpPr>
            <a:spLocks noGrp="1"/>
          </p:cNvSpPr>
          <p:nvPr/>
        </p:nvSpPr>
        <p:spPr bwMode="auto">
          <a:xfrm>
            <a:off x="1784296" y="1968135"/>
            <a:ext cx="2500748" cy="64165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3406" tIns="43406" rIns="43406" bIns="43406" numCol="1" anchor="ctr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indent="0">
              <a:buClr>
                <a:prstClr val="black"/>
              </a:buClr>
              <a:buNone/>
            </a:pPr>
            <a:r>
              <a:rPr lang="en-US" b="1" dirty="0">
                <a:solidFill>
                  <a:schemeClr val="bg2"/>
                </a:solidFill>
                <a:latin typeface="Verdana"/>
              </a:rPr>
              <a:t>DOMESTIC EXPANSION</a:t>
            </a:r>
          </a:p>
        </p:txBody>
      </p:sp>
      <p:sp>
        <p:nvSpPr>
          <p:cNvPr id="24" name="Source">
            <a:extLst>
              <a:ext uri="{FF2B5EF4-FFF2-40B4-BE49-F238E27FC236}">
                <a16:creationId xmlns:a16="http://schemas.microsoft.com/office/drawing/2014/main" id="{D0C09073-602C-44D1-A5CA-845A0B1D5807}"/>
              </a:ext>
            </a:extLst>
          </p:cNvPr>
          <p:cNvSpPr>
            <a:spLocks noGrp="1"/>
          </p:cNvSpPr>
          <p:nvPr/>
        </p:nvSpPr>
        <p:spPr bwMode="auto">
          <a:xfrm>
            <a:off x="1784296" y="3580653"/>
            <a:ext cx="2368668" cy="64165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3406" tIns="43406" rIns="43406" bIns="43406" numCol="1" anchor="ctr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indent="0">
              <a:buClr>
                <a:prstClr val="black"/>
              </a:buClr>
              <a:buNone/>
            </a:pPr>
            <a:r>
              <a:rPr lang="en-US" b="1" dirty="0">
                <a:solidFill>
                  <a:schemeClr val="bg2"/>
                </a:solidFill>
                <a:latin typeface="Verdana"/>
              </a:rPr>
              <a:t>INTERNATIONAL SCALABILITY</a:t>
            </a:r>
          </a:p>
        </p:txBody>
      </p:sp>
      <p:sp>
        <p:nvSpPr>
          <p:cNvPr id="25" name="Source">
            <a:extLst>
              <a:ext uri="{FF2B5EF4-FFF2-40B4-BE49-F238E27FC236}">
                <a16:creationId xmlns:a16="http://schemas.microsoft.com/office/drawing/2014/main" id="{268A70A1-5EBF-48DA-BD85-A849C87B30FF}"/>
              </a:ext>
            </a:extLst>
          </p:cNvPr>
          <p:cNvSpPr>
            <a:spLocks noGrp="1"/>
          </p:cNvSpPr>
          <p:nvPr/>
        </p:nvSpPr>
        <p:spPr bwMode="auto">
          <a:xfrm>
            <a:off x="1841778" y="5248930"/>
            <a:ext cx="2311185" cy="64165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3406" tIns="43406" rIns="43406" bIns="43406" numCol="1" anchor="ctr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indent="0">
              <a:buClr>
                <a:prstClr val="black"/>
              </a:buClr>
              <a:buNone/>
            </a:pPr>
            <a:r>
              <a:rPr lang="en-US" b="1" dirty="0">
                <a:solidFill>
                  <a:schemeClr val="bg2"/>
                </a:solidFill>
                <a:latin typeface="Verdana"/>
              </a:rPr>
              <a:t>VARIETY EXPANSION</a:t>
            </a:r>
          </a:p>
        </p:txBody>
      </p:sp>
      <p:sp>
        <p:nvSpPr>
          <p:cNvPr id="30" name="Rounded Rectangle 27">
            <a:extLst>
              <a:ext uri="{FF2B5EF4-FFF2-40B4-BE49-F238E27FC236}">
                <a16:creationId xmlns:a16="http://schemas.microsoft.com/office/drawing/2014/main" id="{8B3FA152-9912-431D-8F5B-84FBA43274F7}"/>
              </a:ext>
            </a:extLst>
          </p:cNvPr>
          <p:cNvSpPr/>
          <p:nvPr/>
        </p:nvSpPr>
        <p:spPr>
          <a:xfrm>
            <a:off x="531242" y="5018221"/>
            <a:ext cx="1068263" cy="1144450"/>
          </a:xfrm>
          <a:prstGeom prst="roundRect">
            <a:avLst>
              <a:gd name="adj" fmla="val 50000"/>
            </a:avLst>
          </a:prstGeom>
          <a:solidFill>
            <a:srgbClr val="FFFFFF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000000"/>
              </a:solidFill>
            </a:endParaRPr>
          </a:p>
        </p:txBody>
      </p:sp>
      <p:sp>
        <p:nvSpPr>
          <p:cNvPr id="26" name="Rectangle 25">
            <a:extLst>
              <a:ext uri="{FF2B5EF4-FFF2-40B4-BE49-F238E27FC236}">
                <a16:creationId xmlns:a16="http://schemas.microsoft.com/office/drawing/2014/main" id="{A5D1DEAF-C0EE-4452-AF93-F82B6EA6DCEA}"/>
              </a:ext>
            </a:extLst>
          </p:cNvPr>
          <p:cNvSpPr/>
          <p:nvPr/>
        </p:nvSpPr>
        <p:spPr>
          <a:xfrm>
            <a:off x="4478083" y="4939701"/>
            <a:ext cx="7710199" cy="1349985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>
                <a:solidFill>
                  <a:srgbClr val="000000"/>
                </a:solidFill>
              </a:rPr>
              <a:t>A large variety of cash crops like broccoli and organic farming across product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dirty="0">
                <a:solidFill>
                  <a:srgbClr val="000000"/>
                </a:solidFill>
              </a:rPr>
              <a:t>Once successful, other avenues like fisheries can also be explored on the land not suitable for farming</a:t>
            </a:r>
          </a:p>
        </p:txBody>
      </p:sp>
      <p:pic>
        <p:nvPicPr>
          <p:cNvPr id="1026" name="Picture 2">
            <a:extLst>
              <a:ext uri="{FF2B5EF4-FFF2-40B4-BE49-F238E27FC236}">
                <a16:creationId xmlns:a16="http://schemas.microsoft.com/office/drawing/2014/main" id="{790637E9-697E-42C9-9477-58B508250FD4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73139" y="1790343"/>
            <a:ext cx="1108939" cy="1108939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2" name="Picture 8">
            <a:extLst>
              <a:ext uri="{FF2B5EF4-FFF2-40B4-BE49-F238E27FC236}">
                <a16:creationId xmlns:a16="http://schemas.microsoft.com/office/drawing/2014/main" id="{62323265-9395-4F26-ADAC-3087332C57BC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19110" y="3481830"/>
            <a:ext cx="865817" cy="86581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4" name="Picture 10">
            <a:extLst>
              <a:ext uri="{FF2B5EF4-FFF2-40B4-BE49-F238E27FC236}">
                <a16:creationId xmlns:a16="http://schemas.microsoft.com/office/drawing/2014/main" id="{BA46623F-FD61-4E96-9631-DAC1F11AA4B0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63995" y="5124727"/>
            <a:ext cx="962754" cy="96275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518218896"/>
      </p:ext>
    </p:extLst>
  </p:cSld>
  <p:clrMapOvr>
    <a:masterClrMapping/>
  </p:clrMapOvr>
</p:sld>
</file>

<file path=ppt/slides/slide3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1">
            <a:extLst>
              <a:ext uri="{FF2B5EF4-FFF2-40B4-BE49-F238E27FC236}">
                <a16:creationId xmlns:a16="http://schemas.microsoft.com/office/drawing/2014/main" id="{7E663DE7-EDE3-FA42-A802-1BEEB79B7815}"/>
              </a:ext>
            </a:extLst>
          </p:cNvPr>
          <p:cNvSpPr txBox="1">
            <a:spLocks/>
          </p:cNvSpPr>
          <p:nvPr/>
        </p:nvSpPr>
        <p:spPr bwMode="gray">
          <a:xfrm>
            <a:off x="236498" y="4374776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endParaRPr lang="en-US" sz="3300" b="1" dirty="0">
              <a:solidFill>
                <a:srgbClr val="002060"/>
              </a:solidFill>
            </a:endParaRPr>
          </a:p>
        </p:txBody>
      </p:sp>
      <p:sp>
        <p:nvSpPr>
          <p:cNvPr id="5" name="Title 1">
            <a:extLst>
              <a:ext uri="{FF2B5EF4-FFF2-40B4-BE49-F238E27FC236}">
                <a16:creationId xmlns:a16="http://schemas.microsoft.com/office/drawing/2014/main" id="{D5B1C0A7-38E7-4248-A5DE-0D739461F8F3}"/>
              </a:ext>
            </a:extLst>
          </p:cNvPr>
          <p:cNvSpPr txBox="1">
            <a:spLocks/>
          </p:cNvSpPr>
          <p:nvPr/>
        </p:nvSpPr>
        <p:spPr bwMode="gray">
          <a:xfrm>
            <a:off x="236498" y="321470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Aggregation of FARMLAND and mechanization can improve the yield TWICE</a:t>
            </a:r>
          </a:p>
        </p:txBody>
      </p:sp>
      <p:sp>
        <p:nvSpPr>
          <p:cNvPr id="4" name="Agenda"/>
          <p:cNvSpPr txBox="1"/>
          <p:nvPr>
            <p:custDataLst>
              <p:tags r:id="rId1"/>
            </p:custDataLst>
          </p:nvPr>
        </p:nvSpPr>
        <p:spPr>
          <a:xfrm>
            <a:off x="236498" y="1630818"/>
            <a:ext cx="12604789" cy="5206125"/>
          </a:xfrm>
          <a:prstGeom prst="rect">
            <a:avLst/>
          </a:prstGeom>
          <a:noFill/>
        </p:spPr>
        <p:txBody>
          <a:bodyPr vert="horz" wrap="square" lIns="32808" tIns="32808" rIns="32808" bIns="32808" rtlCol="0">
            <a:spAutoFit/>
          </a:bodyPr>
          <a:lstStyle/>
          <a:p>
            <a:pPr lvl="0"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HOW CAN YIELD BE IMPROVED?</a:t>
            </a:r>
            <a:endParaRPr lang="en-US" dirty="0">
              <a:solidFill>
                <a:prstClr val="black"/>
              </a:solidFill>
            </a:endParaRPr>
          </a:p>
          <a:p>
            <a:pPr marL="285750" lvl="0" indent="-285750">
              <a:spcBef>
                <a:spcPts val="3200"/>
              </a:spcBef>
              <a:buSzPct val="100000"/>
              <a:buFont typeface="Arial" panose="020B0604020202020204" pitchFamily="34" charset="0"/>
              <a:buChar char="•"/>
            </a:pPr>
            <a:r>
              <a:rPr lang="en-US" dirty="0">
                <a:solidFill>
                  <a:prstClr val="black"/>
                </a:solidFill>
              </a:rPr>
              <a:t>Bihar enjoys around 1,205 mm of rainfall spread across 53 rainy days a year. Rainwater harvesting and drip irrigation together can improve water utilization and ensure availability throughout the year.</a:t>
            </a:r>
          </a:p>
          <a:p>
            <a:pPr marL="285750" lvl="0" indent="-285750">
              <a:spcBef>
                <a:spcPts val="3200"/>
              </a:spcBef>
              <a:buSzPct val="100000"/>
              <a:buFont typeface="Arial" panose="020B0604020202020204" pitchFamily="34" charset="0"/>
              <a:buChar char="•"/>
            </a:pPr>
            <a:r>
              <a:rPr lang="en-US" dirty="0">
                <a:solidFill>
                  <a:prstClr val="black"/>
                </a:solidFill>
              </a:rPr>
              <a:t>Introduction of precision agriculture can allow 3 crop seasons annually through rotation.</a:t>
            </a:r>
          </a:p>
          <a:p>
            <a:pPr marL="285750" lvl="0" indent="-285750">
              <a:spcBef>
                <a:spcPts val="3200"/>
              </a:spcBef>
              <a:buSzPct val="100000"/>
              <a:buFont typeface="Arial" panose="020B0604020202020204" pitchFamily="34" charset="0"/>
              <a:buChar char="•"/>
            </a:pPr>
            <a:r>
              <a:rPr lang="en-US" dirty="0">
                <a:solidFill>
                  <a:prstClr val="black"/>
                </a:solidFill>
              </a:rPr>
              <a:t>Agricultural machinery can replace human labor and introduce economies of scale.</a:t>
            </a:r>
          </a:p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HOW CAN WE ACCESS BETTER MARKETS?</a:t>
            </a:r>
          </a:p>
          <a:p>
            <a:pPr marL="285750" indent="-285750">
              <a:spcBef>
                <a:spcPts val="3200"/>
              </a:spcBef>
              <a:buSzPct val="100000"/>
              <a:buFont typeface="Arial" panose="020B0604020202020204" pitchFamily="34" charset="0"/>
              <a:buChar char="•"/>
            </a:pPr>
            <a:r>
              <a:rPr lang="en-US" dirty="0" err="1">
                <a:solidFill>
                  <a:prstClr val="black"/>
                </a:solidFill>
              </a:rPr>
              <a:t>Ninjacart</a:t>
            </a:r>
            <a:r>
              <a:rPr lang="en-US" dirty="0">
                <a:solidFill>
                  <a:prstClr val="black"/>
                </a:solidFill>
              </a:rPr>
              <a:t> has established supply chains facilitating transfer of fresh produce. A partnership with them can allow us to sell directly in the organized markets.</a:t>
            </a:r>
          </a:p>
          <a:p>
            <a:pPr marL="285750" indent="-285750">
              <a:spcBef>
                <a:spcPts val="3200"/>
              </a:spcBef>
              <a:buSzPct val="100000"/>
              <a:buFont typeface="Arial" panose="020B0604020202020204" pitchFamily="34" charset="0"/>
              <a:buChar char="•"/>
            </a:pPr>
            <a:r>
              <a:rPr lang="en-US" dirty="0">
                <a:solidFill>
                  <a:prstClr val="black"/>
                </a:solidFill>
              </a:rPr>
              <a:t>The partnership will enable profitability analysis of various crops by understanding the demand patterns.</a:t>
            </a:r>
          </a:p>
        </p:txBody>
      </p:sp>
      <p:sp>
        <p:nvSpPr>
          <p:cNvPr id="6" name="Rectangle 5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7" name="Rectangle 6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555672090"/>
      </p:ext>
    </p:extLst>
  </p:cSld>
  <p:clrMapOvr>
    <a:masterClrMapping/>
  </p:clrMapOvr>
</p:sld>
</file>

<file path=ppt/slides/slide3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1">
            <a:extLst>
              <a:ext uri="{FF2B5EF4-FFF2-40B4-BE49-F238E27FC236}">
                <a16:creationId xmlns:a16="http://schemas.microsoft.com/office/drawing/2014/main" id="{D5B1C0A7-38E7-4248-A5DE-0D739461F8F3}"/>
              </a:ext>
            </a:extLst>
          </p:cNvPr>
          <p:cNvSpPr txBox="1">
            <a:spLocks/>
          </p:cNvSpPr>
          <p:nvPr/>
        </p:nvSpPr>
        <p:spPr bwMode="gray">
          <a:xfrm>
            <a:off x="236498" y="308222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EXCEL MODEL for pilot - ASSUMPTIONS</a:t>
            </a:r>
          </a:p>
        </p:txBody>
      </p:sp>
      <p:graphicFrame>
        <p:nvGraphicFramePr>
          <p:cNvPr id="3" name="Table 2">
            <a:extLst>
              <a:ext uri="{FF2B5EF4-FFF2-40B4-BE49-F238E27FC236}">
                <a16:creationId xmlns:a16="http://schemas.microsoft.com/office/drawing/2014/main" id="{EE038B96-C0C8-493B-8ADA-99475B90370C}"/>
              </a:ext>
            </a:extLst>
          </p:cNvPr>
          <p:cNvGraphicFramePr>
            <a:graphicFrameLocks noGrp="1"/>
          </p:cNvGraphicFramePr>
          <p:nvPr/>
        </p:nvGraphicFramePr>
        <p:xfrm>
          <a:off x="236498" y="1187079"/>
          <a:ext cx="11823537" cy="5461787"/>
        </p:xfrm>
        <a:graphic>
          <a:graphicData uri="http://schemas.openxmlformats.org/drawingml/2006/table">
            <a:tbl>
              <a:tblPr/>
              <a:tblGrid>
                <a:gridCol w="2100263">
                  <a:extLst>
                    <a:ext uri="{9D8B030D-6E8A-4147-A177-3AD203B41FA5}">
                      <a16:colId xmlns:a16="http://schemas.microsoft.com/office/drawing/2014/main" val="667992770"/>
                    </a:ext>
                  </a:extLst>
                </a:gridCol>
                <a:gridCol w="5026025">
                  <a:extLst>
                    <a:ext uri="{9D8B030D-6E8A-4147-A177-3AD203B41FA5}">
                      <a16:colId xmlns:a16="http://schemas.microsoft.com/office/drawing/2014/main" val="2636171073"/>
                    </a:ext>
                  </a:extLst>
                </a:gridCol>
                <a:gridCol w="1709718">
                  <a:extLst>
                    <a:ext uri="{9D8B030D-6E8A-4147-A177-3AD203B41FA5}">
                      <a16:colId xmlns:a16="http://schemas.microsoft.com/office/drawing/2014/main" val="1337876336"/>
                    </a:ext>
                  </a:extLst>
                </a:gridCol>
                <a:gridCol w="2987531">
                  <a:extLst>
                    <a:ext uri="{9D8B030D-6E8A-4147-A177-3AD203B41FA5}">
                      <a16:colId xmlns:a16="http://schemas.microsoft.com/office/drawing/2014/main" val="2616058646"/>
                    </a:ext>
                  </a:extLst>
                </a:gridCol>
              </a:tblGrid>
              <a:tr h="237469">
                <a:tc>
                  <a:txBody>
                    <a:bodyPr/>
                    <a:lstStyle/>
                    <a:p>
                      <a:pPr marL="88900" indent="0" algn="l" fontAlgn="b"/>
                      <a:r>
                        <a:rPr lang="en-IN" sz="1100" b="1" i="0" u="none" strike="noStrike" dirty="0">
                          <a:solidFill>
                            <a:srgbClr val="FFFFFF"/>
                          </a:solidFill>
                          <a:effectLst/>
                          <a:latin typeface="+mn-lt"/>
                        </a:rPr>
                        <a:t> Investment Assumption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9051"/>
                    </a:solidFill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550405271"/>
                  </a:ext>
                </a:extLst>
              </a:tr>
              <a:tr h="237469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lvl="0" algn="l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Land cost per acre (in $)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4,085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81334" rtl="0" eaLnBrk="1" fontAlgn="b" latinLnBrk="0" hangingPunct="1"/>
                      <a:r>
                        <a:rPr lang="en-IN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Based on primary &amp; secondary research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833582448"/>
                  </a:ext>
                </a:extLst>
              </a:tr>
              <a:tr h="237469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lvl="0"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Land bought (in acre)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0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81334" rtl="0" eaLnBrk="1" fontAlgn="b" latinLnBrk="0" hangingPunct="1"/>
                      <a:r>
                        <a:rPr lang="en-IN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Pilot fund size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27863376"/>
                  </a:ext>
                </a:extLst>
              </a:tr>
              <a:tr h="237469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lvl="0" algn="l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initial investment required - technology, equipment etc. (in $)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40,845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81334" rtl="0" eaLnBrk="1" fontAlgn="b" latinLnBrk="0" hangingPunct="1"/>
                      <a:r>
                        <a:rPr lang="en-IN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10% of the land cost assumption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536310311"/>
                  </a:ext>
                </a:extLst>
              </a:tr>
              <a:tr h="237469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lvl="0"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Total investment required (in $)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chemeClr val="bg2"/>
                          </a:solidFill>
                          <a:effectLst/>
                          <a:latin typeface="+mn-lt"/>
                        </a:rPr>
                        <a:t>1,549,296</a:t>
                      </a:r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 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6F6F6F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81334" rtl="0" eaLnBrk="1" fontAlgn="b" latinLnBrk="0" hangingPunct="1"/>
                      <a:endParaRPr lang="en-IN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547216383"/>
                  </a:ext>
                </a:extLst>
              </a:tr>
              <a:tr h="237469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lvl="0" algn="l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l" defTabSz="981334" rtl="0" eaLnBrk="1" fontAlgn="b" latinLnBrk="0" hangingPunct="1"/>
                      <a:endParaRPr lang="en-IN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502930629"/>
                  </a:ext>
                </a:extLst>
              </a:tr>
              <a:tr h="237469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lvl="0" algn="l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l" defTabSz="981334" rtl="0" eaLnBrk="1" fontAlgn="b" latinLnBrk="0" hangingPunct="1"/>
                      <a:endParaRPr lang="en-IN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864432635"/>
                  </a:ext>
                </a:extLst>
              </a:tr>
              <a:tr h="237469">
                <a:tc>
                  <a:txBody>
                    <a:bodyPr/>
                    <a:lstStyle/>
                    <a:p>
                      <a:pPr marL="0" indent="88900" algn="l" fontAlgn="b"/>
                      <a:r>
                        <a:rPr lang="en-IN" sz="1100" b="1" i="0" u="none" strike="noStrike" dirty="0">
                          <a:solidFill>
                            <a:srgbClr val="FFFFFF"/>
                          </a:solidFill>
                          <a:effectLst/>
                          <a:latin typeface="+mn-lt"/>
                        </a:rPr>
                        <a:t>Return Assumption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9051"/>
                    </a:solidFill>
                  </a:tcPr>
                </a:tc>
                <a:tc>
                  <a:txBody>
                    <a:bodyPr/>
                    <a:lstStyle/>
                    <a:p>
                      <a:pPr lvl="0" algn="l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l" defTabSz="981334" rtl="0" eaLnBrk="1" fontAlgn="b" latinLnBrk="0" hangingPunct="1"/>
                      <a:endParaRPr lang="en-IN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497407346"/>
                  </a:ext>
                </a:extLst>
              </a:tr>
              <a:tr h="237469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lvl="0"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Class A investor return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Capped at 7%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Refer to previous slides for benchmark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243513853"/>
                  </a:ext>
                </a:extLst>
              </a:tr>
              <a:tr h="237469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lvl="0" algn="l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Class B investor return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Capped at 9%  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IN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Refer to previous slides for benchmark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856957877"/>
                  </a:ext>
                </a:extLst>
              </a:tr>
              <a:tr h="237469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lvl="0" algn="l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l" defTabSz="981334" rtl="0" eaLnBrk="1" fontAlgn="b" latinLnBrk="0" hangingPunct="1"/>
                      <a:endParaRPr lang="en-IN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370521466"/>
                  </a:ext>
                </a:extLst>
              </a:tr>
              <a:tr h="237469">
                <a:tc>
                  <a:txBody>
                    <a:bodyPr/>
                    <a:lstStyle/>
                    <a:p>
                      <a:pPr marL="0" indent="88900" algn="l" fontAlgn="b"/>
                      <a:r>
                        <a:rPr lang="en-IN" sz="1100" b="1" i="0" u="none" strike="noStrike" dirty="0">
                          <a:solidFill>
                            <a:srgbClr val="FFFFFF"/>
                          </a:solidFill>
                          <a:effectLst/>
                          <a:latin typeface="+mn-lt"/>
                        </a:rPr>
                        <a:t>Forecast Assumption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9051"/>
                    </a:solidFill>
                  </a:tcPr>
                </a:tc>
                <a:tc>
                  <a:txBody>
                    <a:bodyPr/>
                    <a:lstStyle/>
                    <a:p>
                      <a:pPr lvl="0" algn="l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l" defTabSz="981334" rtl="0" eaLnBrk="1" fontAlgn="b" latinLnBrk="0" hangingPunct="1"/>
                      <a:endParaRPr lang="en-IN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57298135"/>
                  </a:ext>
                </a:extLst>
              </a:tr>
              <a:tr h="237469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lvl="0" algn="l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Daily Salary for farmer (in $)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.58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88900" indent="-88900" algn="l" defTabSz="981334" rtl="0" eaLnBrk="1" fontAlgn="b" latinLnBrk="0" hangingPunct="1"/>
                      <a:r>
                        <a:rPr lang="en-IN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Indian farmer’s average salary $4.2/day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151297920"/>
                  </a:ext>
                </a:extLst>
              </a:tr>
              <a:tr h="237469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lvl="0" algn="l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Selling and Distribution (as a % of revenue)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.50%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81334" rtl="0" eaLnBrk="1" fontAlgn="b" latinLnBrk="0" hangingPunct="1"/>
                      <a:endParaRPr lang="en-IN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864391706"/>
                  </a:ext>
                </a:extLst>
              </a:tr>
              <a:tr h="237469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lvl="0" algn="l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Management Fee (as a value of land under management)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.50%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88900" indent="-88900" algn="l" defTabSz="981334" rtl="0" eaLnBrk="1" fontAlgn="b" latinLnBrk="0" hangingPunct="1"/>
                      <a:r>
                        <a:rPr lang="en-IN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Higher as hands-on management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26915022"/>
                  </a:ext>
                </a:extLst>
              </a:tr>
              <a:tr h="237469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lvl="0" algn="l" fontAlgn="b"/>
                      <a:r>
                        <a:rPr lang="en-US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Community Development cost (as a value of land under management)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.40%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81334" rtl="0" eaLnBrk="1" fontAlgn="b" latinLnBrk="0" hangingPunct="1"/>
                      <a:r>
                        <a:rPr lang="en-IN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623803976"/>
                  </a:ext>
                </a:extLst>
              </a:tr>
              <a:tr h="237469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lvl="0"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Working Capital Funding Cost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8.00%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81334" rtl="0" eaLnBrk="1" fontAlgn="b" latinLnBrk="0" hangingPunct="1"/>
                      <a:endParaRPr lang="en-IN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236181317"/>
                  </a:ext>
                </a:extLst>
              </a:tr>
              <a:tr h="237469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lvl="0" algn="l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l" defTabSz="981334" rtl="0" eaLnBrk="1" fontAlgn="b" latinLnBrk="0" hangingPunct="1"/>
                      <a:endParaRPr lang="en-IN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585114545"/>
                  </a:ext>
                </a:extLst>
              </a:tr>
              <a:tr h="237469">
                <a:tc>
                  <a:txBody>
                    <a:bodyPr/>
                    <a:lstStyle/>
                    <a:p>
                      <a:pPr marL="0" indent="88900" algn="l" fontAlgn="b"/>
                      <a:r>
                        <a:rPr lang="en-IN" sz="1100" b="1" i="0" u="none" strike="noStrike" dirty="0">
                          <a:solidFill>
                            <a:srgbClr val="FFFFFF"/>
                          </a:solidFill>
                          <a:effectLst/>
                          <a:latin typeface="+mn-lt"/>
                        </a:rPr>
                        <a:t>Inflation Assumption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rgbClr val="009051"/>
                    </a:solidFill>
                  </a:tcPr>
                </a:tc>
                <a:tc>
                  <a:txBody>
                    <a:bodyPr/>
                    <a:lstStyle/>
                    <a:p>
                      <a:pPr lvl="0" algn="l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l" defTabSz="981334" rtl="0" eaLnBrk="1" fontAlgn="b" latinLnBrk="0" hangingPunct="1"/>
                      <a:endParaRPr lang="en-IN" sz="1100" b="0" i="0" u="none" strike="noStrike" kern="1200" dirty="0">
                        <a:solidFill>
                          <a:srgbClr val="00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834735296"/>
                  </a:ext>
                </a:extLst>
              </a:tr>
              <a:tr h="237469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lvl="0"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Land rate 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.00%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81334" rtl="0" eaLnBrk="1" fontAlgn="b" latinLnBrk="0" hangingPunct="1"/>
                      <a:r>
                        <a:rPr lang="en-IN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Based on India’s 5y average CPI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012394023"/>
                  </a:ext>
                </a:extLst>
              </a:tr>
              <a:tr h="237469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lvl="0"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Revenue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.00%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81334" rtl="0" eaLnBrk="1" fontAlgn="b" latinLnBrk="0" hangingPunct="1"/>
                      <a:r>
                        <a:rPr lang="en-IN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Based on India’s 5y average CPI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752773697"/>
                  </a:ext>
                </a:extLst>
              </a:tr>
              <a:tr h="237469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lvl="0"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Cost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.00%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81334" rtl="0" eaLnBrk="1" fontAlgn="b" latinLnBrk="0" hangingPunct="1"/>
                      <a:r>
                        <a:rPr lang="en-IN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Based on India’s 5y average CPI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016645496"/>
                  </a:ext>
                </a:extLst>
              </a:tr>
              <a:tr h="237469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lvl="0" algn="l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Farmer Salary</a:t>
                      </a:r>
                    </a:p>
                  </a:txBody>
                  <a:tcPr marL="0" marR="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.00%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l" defTabSz="981334" rtl="0" eaLnBrk="1" fontAlgn="b" latinLnBrk="0" hangingPunct="1"/>
                      <a:r>
                        <a:rPr lang="en-IN" sz="11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Based on India’s 5y average CPI 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3238425005"/>
                  </a:ext>
                </a:extLst>
              </a:tr>
            </a:tbl>
          </a:graphicData>
        </a:graphic>
      </p:graphicFrame>
      <p:sp>
        <p:nvSpPr>
          <p:cNvPr id="4" name="Rectangle 3"/>
          <p:cNvSpPr/>
          <p:nvPr/>
        </p:nvSpPr>
        <p:spPr>
          <a:xfrm>
            <a:off x="0" y="7159936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0" y="9663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4252039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BainBulletsConfiguration" hidden="1"/>
          <p:cNvSpPr txBox="1"/>
          <p:nvPr/>
        </p:nvSpPr>
        <p:spPr>
          <a:xfrm>
            <a:off x="1711539" y="331826"/>
            <a:ext cx="8101687" cy="81189"/>
          </a:xfrm>
          <a:prstGeom prst="rect">
            <a:avLst/>
          </a:prstGeom>
          <a:noFill/>
        </p:spPr>
        <p:txBody>
          <a:bodyPr vert="horz" wrap="square" lIns="32808" tIns="32808" rIns="32808" bIns="32808" rtlCol="0">
            <a:spAutoFit/>
          </a:bodyPr>
          <a:lstStyle/>
          <a:p>
            <a:r>
              <a:rPr lang="en-US" sz="100">
                <a:solidFill>
                  <a:srgbClr val="FFFFFF"/>
                </a:solidFill>
              </a:rPr>
              <a:t>19_84 20_84 21_84 22_84 23_84 24_84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17" name="Title 1"/>
          <p:cNvSpPr txBox="1">
            <a:spLocks/>
          </p:cNvSpPr>
          <p:nvPr/>
        </p:nvSpPr>
        <p:spPr bwMode="gray">
          <a:xfrm>
            <a:off x="236498" y="112185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Our FUND aims to address six major problems in the Agricultural sector</a:t>
            </a:r>
          </a:p>
        </p:txBody>
      </p:sp>
      <p:grpSp>
        <p:nvGrpSpPr>
          <p:cNvPr id="19" name="Group 18"/>
          <p:cNvGrpSpPr/>
          <p:nvPr>
            <p:custDataLst>
              <p:tags r:id="rId2"/>
            </p:custDataLst>
          </p:nvPr>
        </p:nvGrpSpPr>
        <p:grpSpPr>
          <a:xfrm>
            <a:off x="500823" y="1272274"/>
            <a:ext cx="11894377" cy="711437"/>
            <a:chOff x="500823" y="1138462"/>
            <a:chExt cx="11894377" cy="711437"/>
          </a:xfrm>
        </p:grpSpPr>
        <p:sp>
          <p:nvSpPr>
            <p:cNvPr id="35" name="Rectangle 34"/>
            <p:cNvSpPr/>
            <p:nvPr>
              <p:custDataLst>
                <p:tags r:id="rId13"/>
              </p:custDataLst>
            </p:nvPr>
          </p:nvSpPr>
          <p:spPr>
            <a:xfrm>
              <a:off x="809625" y="1138462"/>
              <a:ext cx="11585575" cy="711437"/>
            </a:xfrm>
            <a:prstGeom prst="rect">
              <a:avLst/>
            </a:prstGeom>
            <a:solidFill>
              <a:srgbClr val="DDDDDD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anchor="ctr"/>
            <a:lstStyle/>
            <a:p>
              <a:pPr marL="363538"/>
              <a:r>
                <a:rPr lang="en-US" sz="2400" b="1" cap="all" dirty="0">
                  <a:solidFill>
                    <a:srgbClr val="009051"/>
                  </a:solidFill>
                  <a:latin typeface="Verdana" panose="020B0604030504040204" pitchFamily="34" charset="0"/>
                </a:rPr>
                <a:t>LANDLESS Farmers / small land size</a:t>
              </a:r>
            </a:p>
            <a:p>
              <a:pPr marL="363538"/>
              <a:r>
                <a:rPr lang="en-US" sz="1600" dirty="0">
                  <a:solidFill>
                    <a:srgbClr val="000000"/>
                  </a:solidFill>
                  <a:latin typeface="Verdana" panose="020B0604030504040204" pitchFamily="34" charset="0"/>
                </a:rPr>
                <a:t>47% of farmers plough the land not owned by them and survive on meager existence</a:t>
              </a:r>
            </a:p>
          </p:txBody>
        </p:sp>
        <p:sp>
          <p:nvSpPr>
            <p:cNvPr id="8" name="Freeform 5"/>
            <p:cNvSpPr>
              <a:spLocks noChangeAspect="1"/>
            </p:cNvSpPr>
            <p:nvPr/>
          </p:nvSpPr>
          <p:spPr bwMode="auto">
            <a:xfrm>
              <a:off x="500823" y="1138462"/>
              <a:ext cx="470906" cy="711437"/>
            </a:xfrm>
            <a:custGeom>
              <a:avLst/>
              <a:gdLst>
                <a:gd name="T0" fmla="*/ 255 w 255"/>
                <a:gd name="T1" fmla="*/ 383 h 383"/>
                <a:gd name="T2" fmla="*/ 0 w 255"/>
                <a:gd name="T3" fmla="*/ 383 h 383"/>
                <a:gd name="T4" fmla="*/ 0 w 255"/>
                <a:gd name="T5" fmla="*/ 317 h 383"/>
                <a:gd name="T6" fmla="*/ 81 w 255"/>
                <a:gd name="T7" fmla="*/ 317 h 383"/>
                <a:gd name="T8" fmla="*/ 81 w 255"/>
                <a:gd name="T9" fmla="*/ 115 h 383"/>
                <a:gd name="T10" fmla="*/ 0 w 255"/>
                <a:gd name="T11" fmla="*/ 115 h 383"/>
                <a:gd name="T12" fmla="*/ 0 w 255"/>
                <a:gd name="T13" fmla="*/ 52 h 383"/>
                <a:gd name="T14" fmla="*/ 36 w 255"/>
                <a:gd name="T15" fmla="*/ 50 h 383"/>
                <a:gd name="T16" fmla="*/ 64 w 255"/>
                <a:gd name="T17" fmla="*/ 43 h 383"/>
                <a:gd name="T18" fmla="*/ 84 w 255"/>
                <a:gd name="T19" fmla="*/ 26 h 383"/>
                <a:gd name="T20" fmla="*/ 92 w 255"/>
                <a:gd name="T21" fmla="*/ 0 h 383"/>
                <a:gd name="T22" fmla="*/ 176 w 255"/>
                <a:gd name="T23" fmla="*/ 0 h 383"/>
                <a:gd name="T24" fmla="*/ 176 w 255"/>
                <a:gd name="T25" fmla="*/ 317 h 383"/>
                <a:gd name="T26" fmla="*/ 255 w 255"/>
                <a:gd name="T27" fmla="*/ 317 h 383"/>
                <a:gd name="T28" fmla="*/ 255 w 255"/>
                <a:gd name="T29" fmla="*/ 383 h 38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255" h="383">
                  <a:moveTo>
                    <a:pt x="255" y="383"/>
                  </a:moveTo>
                  <a:cubicBezTo>
                    <a:pt x="0" y="383"/>
                    <a:pt x="0" y="383"/>
                    <a:pt x="0" y="383"/>
                  </a:cubicBezTo>
                  <a:cubicBezTo>
                    <a:pt x="0" y="317"/>
                    <a:pt x="0" y="317"/>
                    <a:pt x="0" y="317"/>
                  </a:cubicBezTo>
                  <a:cubicBezTo>
                    <a:pt x="81" y="317"/>
                    <a:pt x="81" y="317"/>
                    <a:pt x="81" y="317"/>
                  </a:cubicBezTo>
                  <a:cubicBezTo>
                    <a:pt x="81" y="115"/>
                    <a:pt x="81" y="115"/>
                    <a:pt x="81" y="115"/>
                  </a:cubicBezTo>
                  <a:cubicBezTo>
                    <a:pt x="0" y="115"/>
                    <a:pt x="0" y="115"/>
                    <a:pt x="0" y="115"/>
                  </a:cubicBezTo>
                  <a:cubicBezTo>
                    <a:pt x="0" y="52"/>
                    <a:pt x="0" y="52"/>
                    <a:pt x="0" y="52"/>
                  </a:cubicBezTo>
                  <a:cubicBezTo>
                    <a:pt x="12" y="52"/>
                    <a:pt x="24" y="52"/>
                    <a:pt x="36" y="50"/>
                  </a:cubicBezTo>
                  <a:cubicBezTo>
                    <a:pt x="47" y="49"/>
                    <a:pt x="56" y="46"/>
                    <a:pt x="64" y="43"/>
                  </a:cubicBezTo>
                  <a:cubicBezTo>
                    <a:pt x="73" y="38"/>
                    <a:pt x="79" y="33"/>
                    <a:pt x="84" y="26"/>
                  </a:cubicBezTo>
                  <a:cubicBezTo>
                    <a:pt x="88" y="19"/>
                    <a:pt x="91" y="10"/>
                    <a:pt x="92" y="0"/>
                  </a:cubicBezTo>
                  <a:cubicBezTo>
                    <a:pt x="176" y="0"/>
                    <a:pt x="176" y="0"/>
                    <a:pt x="176" y="0"/>
                  </a:cubicBezTo>
                  <a:cubicBezTo>
                    <a:pt x="176" y="317"/>
                    <a:pt x="176" y="317"/>
                    <a:pt x="176" y="317"/>
                  </a:cubicBezTo>
                  <a:cubicBezTo>
                    <a:pt x="255" y="317"/>
                    <a:pt x="255" y="317"/>
                    <a:pt x="255" y="317"/>
                  </a:cubicBezTo>
                  <a:lnTo>
                    <a:pt x="255" y="383"/>
                  </a:lnTo>
                  <a:close/>
                </a:path>
              </a:pathLst>
            </a:custGeom>
            <a:solidFill>
              <a:srgbClr val="00905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9051"/>
                </a:solidFill>
              </a:endParaRPr>
            </a:p>
          </p:txBody>
        </p:sp>
      </p:grpSp>
      <p:grpSp>
        <p:nvGrpSpPr>
          <p:cNvPr id="20" name="Group 19"/>
          <p:cNvGrpSpPr/>
          <p:nvPr>
            <p:custDataLst>
              <p:tags r:id="rId3"/>
            </p:custDataLst>
          </p:nvPr>
        </p:nvGrpSpPr>
        <p:grpSpPr>
          <a:xfrm>
            <a:off x="425654" y="2237711"/>
            <a:ext cx="11966722" cy="711437"/>
            <a:chOff x="425654" y="2103899"/>
            <a:chExt cx="11966722" cy="711437"/>
          </a:xfrm>
        </p:grpSpPr>
        <p:sp>
          <p:nvSpPr>
            <p:cNvPr id="38" name="Rectangle 37"/>
            <p:cNvSpPr/>
            <p:nvPr>
              <p:custDataLst>
                <p:tags r:id="rId12"/>
              </p:custDataLst>
            </p:nvPr>
          </p:nvSpPr>
          <p:spPr>
            <a:xfrm>
              <a:off x="590550" y="2103899"/>
              <a:ext cx="11801826" cy="711437"/>
            </a:xfrm>
            <a:custGeom>
              <a:avLst/>
              <a:gdLst>
                <a:gd name="connsiteX0" fmla="*/ 0 w 11758963"/>
                <a:gd name="connsiteY0" fmla="*/ 0 h 711437"/>
                <a:gd name="connsiteX1" fmla="*/ 11758963 w 11758963"/>
                <a:gd name="connsiteY1" fmla="*/ 0 h 711437"/>
                <a:gd name="connsiteX2" fmla="*/ 11758963 w 11758963"/>
                <a:gd name="connsiteY2" fmla="*/ 711437 h 711437"/>
                <a:gd name="connsiteX3" fmla="*/ 0 w 11758963"/>
                <a:gd name="connsiteY3" fmla="*/ 711437 h 711437"/>
                <a:gd name="connsiteX4" fmla="*/ 0 w 11758963"/>
                <a:gd name="connsiteY4" fmla="*/ 0 h 711437"/>
                <a:gd name="connsiteX0" fmla="*/ 0 w 11758963"/>
                <a:gd name="connsiteY0" fmla="*/ 0 h 711437"/>
                <a:gd name="connsiteX1" fmla="*/ 11758963 w 11758963"/>
                <a:gd name="connsiteY1" fmla="*/ 0 h 711437"/>
                <a:gd name="connsiteX2" fmla="*/ 11758963 w 11758963"/>
                <a:gd name="connsiteY2" fmla="*/ 711437 h 711437"/>
                <a:gd name="connsiteX3" fmla="*/ 0 w 11758963"/>
                <a:gd name="connsiteY3" fmla="*/ 711437 h 711437"/>
                <a:gd name="connsiteX4" fmla="*/ 0 w 11758963"/>
                <a:gd name="connsiteY4" fmla="*/ 224964 h 711437"/>
                <a:gd name="connsiteX5" fmla="*/ 0 w 11758963"/>
                <a:gd name="connsiteY5" fmla="*/ 0 h 711437"/>
                <a:gd name="connsiteX0" fmla="*/ 0 w 11758963"/>
                <a:gd name="connsiteY0" fmla="*/ 0 h 711437"/>
                <a:gd name="connsiteX1" fmla="*/ 11758963 w 11758963"/>
                <a:gd name="connsiteY1" fmla="*/ 0 h 711437"/>
                <a:gd name="connsiteX2" fmla="*/ 11758963 w 11758963"/>
                <a:gd name="connsiteY2" fmla="*/ 711437 h 711437"/>
                <a:gd name="connsiteX3" fmla="*/ 0 w 11758963"/>
                <a:gd name="connsiteY3" fmla="*/ 711437 h 711437"/>
                <a:gd name="connsiteX4" fmla="*/ 223837 w 11758963"/>
                <a:gd name="connsiteY4" fmla="*/ 234489 h 711437"/>
                <a:gd name="connsiteX5" fmla="*/ 0 w 11758963"/>
                <a:gd name="connsiteY5" fmla="*/ 0 h 711437"/>
                <a:gd name="connsiteX0" fmla="*/ 0 w 11758963"/>
                <a:gd name="connsiteY0" fmla="*/ 0 h 711437"/>
                <a:gd name="connsiteX1" fmla="*/ 11758963 w 11758963"/>
                <a:gd name="connsiteY1" fmla="*/ 0 h 711437"/>
                <a:gd name="connsiteX2" fmla="*/ 11758963 w 11758963"/>
                <a:gd name="connsiteY2" fmla="*/ 711437 h 711437"/>
                <a:gd name="connsiteX3" fmla="*/ 0 w 11758963"/>
                <a:gd name="connsiteY3" fmla="*/ 711437 h 711437"/>
                <a:gd name="connsiteX4" fmla="*/ 80962 w 11758963"/>
                <a:gd name="connsiteY4" fmla="*/ 529764 h 711437"/>
                <a:gd name="connsiteX5" fmla="*/ 223837 w 11758963"/>
                <a:gd name="connsiteY5" fmla="*/ 234489 h 711437"/>
                <a:gd name="connsiteX6" fmla="*/ 0 w 11758963"/>
                <a:gd name="connsiteY6" fmla="*/ 0 h 711437"/>
                <a:gd name="connsiteX0" fmla="*/ 42863 w 11801826"/>
                <a:gd name="connsiteY0" fmla="*/ 0 h 711437"/>
                <a:gd name="connsiteX1" fmla="*/ 11801826 w 11801826"/>
                <a:gd name="connsiteY1" fmla="*/ 0 h 711437"/>
                <a:gd name="connsiteX2" fmla="*/ 11801826 w 11801826"/>
                <a:gd name="connsiteY2" fmla="*/ 711437 h 711437"/>
                <a:gd name="connsiteX3" fmla="*/ 42863 w 11801826"/>
                <a:gd name="connsiteY3" fmla="*/ 711437 h 711437"/>
                <a:gd name="connsiteX4" fmla="*/ 0 w 11801826"/>
                <a:gd name="connsiteY4" fmla="*/ 558339 h 711437"/>
                <a:gd name="connsiteX5" fmla="*/ 266700 w 11801826"/>
                <a:gd name="connsiteY5" fmla="*/ 234489 h 711437"/>
                <a:gd name="connsiteX6" fmla="*/ 42863 w 11801826"/>
                <a:gd name="connsiteY6" fmla="*/ 0 h 71143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11801826" h="711437">
                  <a:moveTo>
                    <a:pt x="42863" y="0"/>
                  </a:moveTo>
                  <a:lnTo>
                    <a:pt x="11801826" y="0"/>
                  </a:lnTo>
                  <a:lnTo>
                    <a:pt x="11801826" y="711437"/>
                  </a:lnTo>
                  <a:lnTo>
                    <a:pt x="42863" y="711437"/>
                  </a:lnTo>
                  <a:lnTo>
                    <a:pt x="0" y="558339"/>
                  </a:lnTo>
                  <a:lnTo>
                    <a:pt x="266700" y="234489"/>
                  </a:lnTo>
                  <a:lnTo>
                    <a:pt x="42863" y="0"/>
                  </a:lnTo>
                  <a:close/>
                </a:path>
              </a:pathLst>
            </a:custGeom>
            <a:solidFill>
              <a:srgbClr val="DDDDDD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anchor="ctr"/>
            <a:lstStyle/>
            <a:p>
              <a:pPr marL="594000"/>
              <a:r>
                <a:rPr lang="en-US" sz="2400" b="1" cap="all" dirty="0">
                  <a:solidFill>
                    <a:srgbClr val="009051"/>
                  </a:solidFill>
                  <a:latin typeface="Verdana" panose="020B0604030504040204" pitchFamily="34" charset="0"/>
                </a:rPr>
                <a:t>POOR QUALITY OF INPUTS and low yields</a:t>
              </a:r>
            </a:p>
            <a:p>
              <a:pPr marL="594000"/>
              <a:r>
                <a:rPr lang="en-US" sz="1600" dirty="0">
                  <a:solidFill>
                    <a:srgbClr val="000000"/>
                  </a:solidFill>
                  <a:latin typeface="Verdana" panose="020B0604030504040204" pitchFamily="34" charset="0"/>
                </a:rPr>
                <a:t>Usage of low yield seed variety, poor irrigation methods, unsuitable fertilizers still common </a:t>
              </a:r>
            </a:p>
          </p:txBody>
        </p:sp>
        <p:sp>
          <p:nvSpPr>
            <p:cNvPr id="9" name="Freeform 6"/>
            <p:cNvSpPr>
              <a:spLocks noChangeAspect="1"/>
            </p:cNvSpPr>
            <p:nvPr/>
          </p:nvSpPr>
          <p:spPr bwMode="auto">
            <a:xfrm>
              <a:off x="425654" y="2103899"/>
              <a:ext cx="546075" cy="711437"/>
            </a:xfrm>
            <a:custGeom>
              <a:avLst/>
              <a:gdLst>
                <a:gd name="T0" fmla="*/ 300 w 300"/>
                <a:gd name="T1" fmla="*/ 389 h 389"/>
                <a:gd name="T2" fmla="*/ 0 w 300"/>
                <a:gd name="T3" fmla="*/ 389 h 389"/>
                <a:gd name="T4" fmla="*/ 0 w 300"/>
                <a:gd name="T5" fmla="*/ 326 h 389"/>
                <a:gd name="T6" fmla="*/ 69 w 300"/>
                <a:gd name="T7" fmla="*/ 273 h 389"/>
                <a:gd name="T8" fmla="*/ 124 w 300"/>
                <a:gd name="T9" fmla="*/ 225 h 389"/>
                <a:gd name="T10" fmla="*/ 168 w 300"/>
                <a:gd name="T11" fmla="*/ 173 h 389"/>
                <a:gd name="T12" fmla="*/ 182 w 300"/>
                <a:gd name="T13" fmla="*/ 129 h 389"/>
                <a:gd name="T14" fmla="*/ 165 w 300"/>
                <a:gd name="T15" fmla="*/ 88 h 389"/>
                <a:gd name="T16" fmla="*/ 116 w 300"/>
                <a:gd name="T17" fmla="*/ 74 h 389"/>
                <a:gd name="T18" fmla="*/ 67 w 300"/>
                <a:gd name="T19" fmla="*/ 84 h 389"/>
                <a:gd name="T20" fmla="*/ 18 w 300"/>
                <a:gd name="T21" fmla="*/ 109 h 389"/>
                <a:gd name="T22" fmla="*/ 10 w 300"/>
                <a:gd name="T23" fmla="*/ 109 h 389"/>
                <a:gd name="T24" fmla="*/ 10 w 300"/>
                <a:gd name="T25" fmla="*/ 24 h 389"/>
                <a:gd name="T26" fmla="*/ 64 w 300"/>
                <a:gd name="T27" fmla="*/ 8 h 389"/>
                <a:gd name="T28" fmla="*/ 135 w 300"/>
                <a:gd name="T29" fmla="*/ 0 h 389"/>
                <a:gd name="T30" fmla="*/ 245 w 300"/>
                <a:gd name="T31" fmla="*/ 30 h 389"/>
                <a:gd name="T32" fmla="*/ 282 w 300"/>
                <a:gd name="T33" fmla="*/ 115 h 389"/>
                <a:gd name="T34" fmla="*/ 264 w 300"/>
                <a:gd name="T35" fmla="*/ 184 h 389"/>
                <a:gd name="T36" fmla="*/ 209 w 300"/>
                <a:gd name="T37" fmla="*/ 251 h 389"/>
                <a:gd name="T38" fmla="*/ 162 w 300"/>
                <a:gd name="T39" fmla="*/ 291 h 389"/>
                <a:gd name="T40" fmla="*/ 128 w 300"/>
                <a:gd name="T41" fmla="*/ 316 h 389"/>
                <a:gd name="T42" fmla="*/ 300 w 300"/>
                <a:gd name="T43" fmla="*/ 316 h 389"/>
                <a:gd name="T44" fmla="*/ 300 w 300"/>
                <a:gd name="T45" fmla="*/ 389 h 38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300" h="389">
                  <a:moveTo>
                    <a:pt x="300" y="389"/>
                  </a:moveTo>
                  <a:cubicBezTo>
                    <a:pt x="0" y="389"/>
                    <a:pt x="0" y="389"/>
                    <a:pt x="0" y="389"/>
                  </a:cubicBezTo>
                  <a:cubicBezTo>
                    <a:pt x="0" y="326"/>
                    <a:pt x="0" y="326"/>
                    <a:pt x="0" y="326"/>
                  </a:cubicBezTo>
                  <a:cubicBezTo>
                    <a:pt x="23" y="310"/>
                    <a:pt x="46" y="292"/>
                    <a:pt x="69" y="273"/>
                  </a:cubicBezTo>
                  <a:cubicBezTo>
                    <a:pt x="92" y="255"/>
                    <a:pt x="110" y="239"/>
                    <a:pt x="124" y="225"/>
                  </a:cubicBezTo>
                  <a:cubicBezTo>
                    <a:pt x="145" y="205"/>
                    <a:pt x="160" y="188"/>
                    <a:pt x="168" y="173"/>
                  </a:cubicBezTo>
                  <a:cubicBezTo>
                    <a:pt x="177" y="158"/>
                    <a:pt x="182" y="143"/>
                    <a:pt x="182" y="129"/>
                  </a:cubicBezTo>
                  <a:cubicBezTo>
                    <a:pt x="182" y="111"/>
                    <a:pt x="176" y="98"/>
                    <a:pt x="165" y="88"/>
                  </a:cubicBezTo>
                  <a:cubicBezTo>
                    <a:pt x="154" y="79"/>
                    <a:pt x="137" y="74"/>
                    <a:pt x="116" y="74"/>
                  </a:cubicBezTo>
                  <a:cubicBezTo>
                    <a:pt x="101" y="74"/>
                    <a:pt x="84" y="77"/>
                    <a:pt x="67" y="84"/>
                  </a:cubicBezTo>
                  <a:cubicBezTo>
                    <a:pt x="49" y="90"/>
                    <a:pt x="33" y="99"/>
                    <a:pt x="18" y="109"/>
                  </a:cubicBezTo>
                  <a:cubicBezTo>
                    <a:pt x="10" y="109"/>
                    <a:pt x="10" y="109"/>
                    <a:pt x="10" y="109"/>
                  </a:cubicBezTo>
                  <a:cubicBezTo>
                    <a:pt x="10" y="24"/>
                    <a:pt x="10" y="24"/>
                    <a:pt x="10" y="24"/>
                  </a:cubicBezTo>
                  <a:cubicBezTo>
                    <a:pt x="22" y="18"/>
                    <a:pt x="40" y="13"/>
                    <a:pt x="64" y="8"/>
                  </a:cubicBezTo>
                  <a:cubicBezTo>
                    <a:pt x="88" y="2"/>
                    <a:pt x="111" y="0"/>
                    <a:pt x="135" y="0"/>
                  </a:cubicBezTo>
                  <a:cubicBezTo>
                    <a:pt x="183" y="0"/>
                    <a:pt x="220" y="10"/>
                    <a:pt x="245" y="30"/>
                  </a:cubicBezTo>
                  <a:cubicBezTo>
                    <a:pt x="270" y="50"/>
                    <a:pt x="282" y="78"/>
                    <a:pt x="282" y="115"/>
                  </a:cubicBezTo>
                  <a:cubicBezTo>
                    <a:pt x="282" y="139"/>
                    <a:pt x="276" y="162"/>
                    <a:pt x="264" y="184"/>
                  </a:cubicBezTo>
                  <a:cubicBezTo>
                    <a:pt x="252" y="206"/>
                    <a:pt x="234" y="228"/>
                    <a:pt x="209" y="251"/>
                  </a:cubicBezTo>
                  <a:cubicBezTo>
                    <a:pt x="193" y="266"/>
                    <a:pt x="178" y="279"/>
                    <a:pt x="162" y="291"/>
                  </a:cubicBezTo>
                  <a:cubicBezTo>
                    <a:pt x="146" y="303"/>
                    <a:pt x="135" y="311"/>
                    <a:pt x="128" y="316"/>
                  </a:cubicBezTo>
                  <a:cubicBezTo>
                    <a:pt x="300" y="316"/>
                    <a:pt x="300" y="316"/>
                    <a:pt x="300" y="316"/>
                  </a:cubicBezTo>
                  <a:lnTo>
                    <a:pt x="300" y="389"/>
                  </a:lnTo>
                  <a:close/>
                </a:path>
              </a:pathLst>
            </a:custGeom>
            <a:solidFill>
              <a:srgbClr val="00905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21" name="Group 20"/>
          <p:cNvGrpSpPr/>
          <p:nvPr>
            <p:custDataLst>
              <p:tags r:id="rId4"/>
            </p:custDataLst>
          </p:nvPr>
        </p:nvGrpSpPr>
        <p:grpSpPr>
          <a:xfrm>
            <a:off x="434768" y="3203148"/>
            <a:ext cx="11963433" cy="711437"/>
            <a:chOff x="434768" y="3069336"/>
            <a:chExt cx="11963433" cy="711437"/>
          </a:xfrm>
        </p:grpSpPr>
        <p:sp>
          <p:nvSpPr>
            <p:cNvPr id="36" name="Rectangle 35"/>
            <p:cNvSpPr/>
            <p:nvPr>
              <p:custDataLst>
                <p:tags r:id="rId11"/>
              </p:custDataLst>
            </p:nvPr>
          </p:nvSpPr>
          <p:spPr>
            <a:xfrm>
              <a:off x="742944" y="3069336"/>
              <a:ext cx="11655257" cy="711437"/>
            </a:xfrm>
            <a:custGeom>
              <a:avLst/>
              <a:gdLst>
                <a:gd name="connsiteX0" fmla="*/ 0 w 11651442"/>
                <a:gd name="connsiteY0" fmla="*/ 0 h 711437"/>
                <a:gd name="connsiteX1" fmla="*/ 11651442 w 11651442"/>
                <a:gd name="connsiteY1" fmla="*/ 0 h 711437"/>
                <a:gd name="connsiteX2" fmla="*/ 11651442 w 11651442"/>
                <a:gd name="connsiteY2" fmla="*/ 711437 h 711437"/>
                <a:gd name="connsiteX3" fmla="*/ 0 w 11651442"/>
                <a:gd name="connsiteY3" fmla="*/ 711437 h 711437"/>
                <a:gd name="connsiteX4" fmla="*/ 0 w 11651442"/>
                <a:gd name="connsiteY4" fmla="*/ 0 h 711437"/>
                <a:gd name="connsiteX0" fmla="*/ 3810 w 11655252"/>
                <a:gd name="connsiteY0" fmla="*/ 0 h 711437"/>
                <a:gd name="connsiteX1" fmla="*/ 11655252 w 11655252"/>
                <a:gd name="connsiteY1" fmla="*/ 0 h 711437"/>
                <a:gd name="connsiteX2" fmla="*/ 11655252 w 11655252"/>
                <a:gd name="connsiteY2" fmla="*/ 711437 h 711437"/>
                <a:gd name="connsiteX3" fmla="*/ 3810 w 11655252"/>
                <a:gd name="connsiteY3" fmla="*/ 711437 h 711437"/>
                <a:gd name="connsiteX4" fmla="*/ 0 w 11655252"/>
                <a:gd name="connsiteY4" fmla="*/ 178689 h 711437"/>
                <a:gd name="connsiteX5" fmla="*/ 3810 w 11655252"/>
                <a:gd name="connsiteY5" fmla="*/ 0 h 711437"/>
                <a:gd name="connsiteX0" fmla="*/ 3810 w 11655252"/>
                <a:gd name="connsiteY0" fmla="*/ 0 h 711437"/>
                <a:gd name="connsiteX1" fmla="*/ 11655252 w 11655252"/>
                <a:gd name="connsiteY1" fmla="*/ 0 h 711437"/>
                <a:gd name="connsiteX2" fmla="*/ 11655252 w 11655252"/>
                <a:gd name="connsiteY2" fmla="*/ 711437 h 711437"/>
                <a:gd name="connsiteX3" fmla="*/ 3810 w 11655252"/>
                <a:gd name="connsiteY3" fmla="*/ 711437 h 711437"/>
                <a:gd name="connsiteX4" fmla="*/ 4763 w 11655252"/>
                <a:gd name="connsiteY4" fmla="*/ 493014 h 711437"/>
                <a:gd name="connsiteX5" fmla="*/ 0 w 11655252"/>
                <a:gd name="connsiteY5" fmla="*/ 178689 h 711437"/>
                <a:gd name="connsiteX6" fmla="*/ 3810 w 11655252"/>
                <a:gd name="connsiteY6" fmla="*/ 0 h 711437"/>
                <a:gd name="connsiteX0" fmla="*/ 4347 w 11655789"/>
                <a:gd name="connsiteY0" fmla="*/ 0 h 711437"/>
                <a:gd name="connsiteX1" fmla="*/ 11655789 w 11655789"/>
                <a:gd name="connsiteY1" fmla="*/ 0 h 711437"/>
                <a:gd name="connsiteX2" fmla="*/ 11655789 w 11655789"/>
                <a:gd name="connsiteY2" fmla="*/ 711437 h 711437"/>
                <a:gd name="connsiteX3" fmla="*/ 4347 w 11655789"/>
                <a:gd name="connsiteY3" fmla="*/ 711437 h 711437"/>
                <a:gd name="connsiteX4" fmla="*/ 5300 w 11655789"/>
                <a:gd name="connsiteY4" fmla="*/ 493014 h 711437"/>
                <a:gd name="connsiteX5" fmla="*/ 537 w 11655789"/>
                <a:gd name="connsiteY5" fmla="*/ 321564 h 711437"/>
                <a:gd name="connsiteX6" fmla="*/ 537 w 11655789"/>
                <a:gd name="connsiteY6" fmla="*/ 178689 h 711437"/>
                <a:gd name="connsiteX7" fmla="*/ 4347 w 11655789"/>
                <a:gd name="connsiteY7" fmla="*/ 0 h 711437"/>
                <a:gd name="connsiteX0" fmla="*/ 3815 w 11655257"/>
                <a:gd name="connsiteY0" fmla="*/ 0 h 711437"/>
                <a:gd name="connsiteX1" fmla="*/ 11655257 w 11655257"/>
                <a:gd name="connsiteY1" fmla="*/ 0 h 711437"/>
                <a:gd name="connsiteX2" fmla="*/ 11655257 w 11655257"/>
                <a:gd name="connsiteY2" fmla="*/ 711437 h 711437"/>
                <a:gd name="connsiteX3" fmla="*/ 3815 w 11655257"/>
                <a:gd name="connsiteY3" fmla="*/ 711437 h 711437"/>
                <a:gd name="connsiteX4" fmla="*/ 4768 w 11655257"/>
                <a:gd name="connsiteY4" fmla="*/ 493014 h 711437"/>
                <a:gd name="connsiteX5" fmla="*/ 5 w 11655257"/>
                <a:gd name="connsiteY5" fmla="*/ 321564 h 711437"/>
                <a:gd name="connsiteX6" fmla="*/ 104780 w 11655257"/>
                <a:gd name="connsiteY6" fmla="*/ 202501 h 711437"/>
                <a:gd name="connsiteX7" fmla="*/ 3815 w 11655257"/>
                <a:gd name="connsiteY7" fmla="*/ 0 h 711437"/>
                <a:gd name="connsiteX0" fmla="*/ 3815 w 11655257"/>
                <a:gd name="connsiteY0" fmla="*/ 0 h 711437"/>
                <a:gd name="connsiteX1" fmla="*/ 11655257 w 11655257"/>
                <a:gd name="connsiteY1" fmla="*/ 0 h 711437"/>
                <a:gd name="connsiteX2" fmla="*/ 11655257 w 11655257"/>
                <a:gd name="connsiteY2" fmla="*/ 711437 h 711437"/>
                <a:gd name="connsiteX3" fmla="*/ 3815 w 11655257"/>
                <a:gd name="connsiteY3" fmla="*/ 711437 h 711437"/>
                <a:gd name="connsiteX4" fmla="*/ 80968 w 11655257"/>
                <a:gd name="connsiteY4" fmla="*/ 497776 h 711437"/>
                <a:gd name="connsiteX5" fmla="*/ 5 w 11655257"/>
                <a:gd name="connsiteY5" fmla="*/ 321564 h 711437"/>
                <a:gd name="connsiteX6" fmla="*/ 104780 w 11655257"/>
                <a:gd name="connsiteY6" fmla="*/ 202501 h 711437"/>
                <a:gd name="connsiteX7" fmla="*/ 3815 w 11655257"/>
                <a:gd name="connsiteY7" fmla="*/ 0 h 71143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11655257" h="711437">
                  <a:moveTo>
                    <a:pt x="3815" y="0"/>
                  </a:moveTo>
                  <a:lnTo>
                    <a:pt x="11655257" y="0"/>
                  </a:lnTo>
                  <a:lnTo>
                    <a:pt x="11655257" y="711437"/>
                  </a:lnTo>
                  <a:lnTo>
                    <a:pt x="3815" y="711437"/>
                  </a:lnTo>
                  <a:cubicBezTo>
                    <a:pt x="4133" y="638629"/>
                    <a:pt x="80650" y="570584"/>
                    <a:pt x="80968" y="497776"/>
                  </a:cubicBezTo>
                  <a:cubicBezTo>
                    <a:pt x="80333" y="432797"/>
                    <a:pt x="799" y="373951"/>
                    <a:pt x="5" y="321564"/>
                  </a:cubicBezTo>
                  <a:cubicBezTo>
                    <a:pt x="-789" y="269177"/>
                    <a:pt x="104145" y="256095"/>
                    <a:pt x="104780" y="202501"/>
                  </a:cubicBezTo>
                  <a:lnTo>
                    <a:pt x="3815" y="0"/>
                  </a:lnTo>
                  <a:close/>
                </a:path>
              </a:pathLst>
            </a:custGeom>
            <a:solidFill>
              <a:srgbClr val="DDDDDD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anchor="ctr"/>
            <a:lstStyle/>
            <a:p>
              <a:pPr marL="432000"/>
              <a:r>
                <a:rPr lang="en-US" sz="2400" b="1" cap="all" dirty="0">
                  <a:solidFill>
                    <a:srgbClr val="009051"/>
                  </a:solidFill>
                  <a:latin typeface="Verdana" panose="020B0604030504040204" pitchFamily="34" charset="0"/>
                </a:rPr>
                <a:t>Archaic agricultural techniques</a:t>
              </a:r>
            </a:p>
            <a:p>
              <a:pPr marL="432000"/>
              <a:r>
                <a:rPr lang="en-US" sz="1600" dirty="0">
                  <a:solidFill>
                    <a:srgbClr val="000000"/>
                  </a:solidFill>
                  <a:latin typeface="Verdana" panose="020B0604030504040204" pitchFamily="34" charset="0"/>
                </a:rPr>
                <a:t>Farmers yet to adopt modern agricultural practices like soil testing, green house farming </a:t>
              </a:r>
              <a:r>
                <a:rPr lang="en-US" sz="1600" dirty="0" err="1">
                  <a:solidFill>
                    <a:srgbClr val="000000"/>
                  </a:solidFill>
                  <a:latin typeface="Verdana" panose="020B0604030504040204" pitchFamily="34" charset="0"/>
                </a:rPr>
                <a:t>en</a:t>
              </a:r>
              <a:r>
                <a:rPr lang="en-US" sz="1600" dirty="0">
                  <a:solidFill>
                    <a:srgbClr val="000000"/>
                  </a:solidFill>
                  <a:latin typeface="Verdana" panose="020B0604030504040204" pitchFamily="34" charset="0"/>
                </a:rPr>
                <a:t> masse</a:t>
              </a:r>
            </a:p>
          </p:txBody>
        </p:sp>
        <p:sp>
          <p:nvSpPr>
            <p:cNvPr id="10" name="Freeform 7"/>
            <p:cNvSpPr>
              <a:spLocks noChangeAspect="1"/>
            </p:cNvSpPr>
            <p:nvPr/>
          </p:nvSpPr>
          <p:spPr bwMode="auto">
            <a:xfrm>
              <a:off x="434768" y="3069336"/>
              <a:ext cx="536961" cy="711437"/>
            </a:xfrm>
            <a:custGeom>
              <a:avLst/>
              <a:gdLst>
                <a:gd name="T0" fmla="*/ 274 w 302"/>
                <a:gd name="T1" fmla="*/ 211 h 398"/>
                <a:gd name="T2" fmla="*/ 294 w 302"/>
                <a:gd name="T3" fmla="*/ 236 h 398"/>
                <a:gd name="T4" fmla="*/ 302 w 302"/>
                <a:gd name="T5" fmla="*/ 275 h 398"/>
                <a:gd name="T6" fmla="*/ 291 w 302"/>
                <a:gd name="T7" fmla="*/ 325 h 398"/>
                <a:gd name="T8" fmla="*/ 258 w 302"/>
                <a:gd name="T9" fmla="*/ 365 h 398"/>
                <a:gd name="T10" fmla="*/ 208 w 302"/>
                <a:gd name="T11" fmla="*/ 390 h 398"/>
                <a:gd name="T12" fmla="*/ 137 w 302"/>
                <a:gd name="T13" fmla="*/ 398 h 398"/>
                <a:gd name="T14" fmla="*/ 56 w 302"/>
                <a:gd name="T15" fmla="*/ 391 h 398"/>
                <a:gd name="T16" fmla="*/ 0 w 302"/>
                <a:gd name="T17" fmla="*/ 374 h 398"/>
                <a:gd name="T18" fmla="*/ 0 w 302"/>
                <a:gd name="T19" fmla="*/ 290 h 398"/>
                <a:gd name="T20" fmla="*/ 10 w 302"/>
                <a:gd name="T21" fmla="*/ 290 h 398"/>
                <a:gd name="T22" fmla="*/ 63 w 302"/>
                <a:gd name="T23" fmla="*/ 313 h 398"/>
                <a:gd name="T24" fmla="*/ 119 w 302"/>
                <a:gd name="T25" fmla="*/ 323 h 398"/>
                <a:gd name="T26" fmla="*/ 151 w 302"/>
                <a:gd name="T27" fmla="*/ 321 h 398"/>
                <a:gd name="T28" fmla="*/ 181 w 302"/>
                <a:gd name="T29" fmla="*/ 310 h 398"/>
                <a:gd name="T30" fmla="*/ 196 w 302"/>
                <a:gd name="T31" fmla="*/ 295 h 398"/>
                <a:gd name="T32" fmla="*/ 202 w 302"/>
                <a:gd name="T33" fmla="*/ 268 h 398"/>
                <a:gd name="T34" fmla="*/ 194 w 302"/>
                <a:gd name="T35" fmla="*/ 242 h 398"/>
                <a:gd name="T36" fmla="*/ 174 w 302"/>
                <a:gd name="T37" fmla="*/ 229 h 398"/>
                <a:gd name="T38" fmla="*/ 143 w 302"/>
                <a:gd name="T39" fmla="*/ 225 h 398"/>
                <a:gd name="T40" fmla="*/ 111 w 302"/>
                <a:gd name="T41" fmla="*/ 225 h 398"/>
                <a:gd name="T42" fmla="*/ 90 w 302"/>
                <a:gd name="T43" fmla="*/ 225 h 398"/>
                <a:gd name="T44" fmla="*/ 90 w 302"/>
                <a:gd name="T45" fmla="*/ 156 h 398"/>
                <a:gd name="T46" fmla="*/ 111 w 302"/>
                <a:gd name="T47" fmla="*/ 156 h 398"/>
                <a:gd name="T48" fmla="*/ 147 w 302"/>
                <a:gd name="T49" fmla="*/ 155 h 398"/>
                <a:gd name="T50" fmla="*/ 173 w 302"/>
                <a:gd name="T51" fmla="*/ 149 h 398"/>
                <a:gd name="T52" fmla="*/ 190 w 302"/>
                <a:gd name="T53" fmla="*/ 136 h 398"/>
                <a:gd name="T54" fmla="*/ 196 w 302"/>
                <a:gd name="T55" fmla="*/ 112 h 398"/>
                <a:gd name="T56" fmla="*/ 190 w 302"/>
                <a:gd name="T57" fmla="*/ 94 h 398"/>
                <a:gd name="T58" fmla="*/ 175 w 302"/>
                <a:gd name="T59" fmla="*/ 83 h 398"/>
                <a:gd name="T60" fmla="*/ 151 w 302"/>
                <a:gd name="T61" fmla="*/ 76 h 398"/>
                <a:gd name="T62" fmla="*/ 128 w 302"/>
                <a:gd name="T63" fmla="*/ 75 h 398"/>
                <a:gd name="T64" fmla="*/ 75 w 302"/>
                <a:gd name="T65" fmla="*/ 83 h 398"/>
                <a:gd name="T66" fmla="*/ 21 w 302"/>
                <a:gd name="T67" fmla="*/ 107 h 398"/>
                <a:gd name="T68" fmla="*/ 11 w 302"/>
                <a:gd name="T69" fmla="*/ 107 h 398"/>
                <a:gd name="T70" fmla="*/ 11 w 302"/>
                <a:gd name="T71" fmla="*/ 24 h 398"/>
                <a:gd name="T72" fmla="*/ 68 w 302"/>
                <a:gd name="T73" fmla="*/ 8 h 398"/>
                <a:gd name="T74" fmla="*/ 142 w 302"/>
                <a:gd name="T75" fmla="*/ 0 h 398"/>
                <a:gd name="T76" fmla="*/ 205 w 302"/>
                <a:gd name="T77" fmla="*/ 7 h 398"/>
                <a:gd name="T78" fmla="*/ 250 w 302"/>
                <a:gd name="T79" fmla="*/ 23 h 398"/>
                <a:gd name="T80" fmla="*/ 282 w 302"/>
                <a:gd name="T81" fmla="*/ 54 h 398"/>
                <a:gd name="T82" fmla="*/ 292 w 302"/>
                <a:gd name="T83" fmla="*/ 96 h 398"/>
                <a:gd name="T84" fmla="*/ 272 w 302"/>
                <a:gd name="T85" fmla="*/ 153 h 398"/>
                <a:gd name="T86" fmla="*/ 220 w 302"/>
                <a:gd name="T87" fmla="*/ 185 h 398"/>
                <a:gd name="T88" fmla="*/ 220 w 302"/>
                <a:gd name="T89" fmla="*/ 188 h 398"/>
                <a:gd name="T90" fmla="*/ 248 w 302"/>
                <a:gd name="T91" fmla="*/ 196 h 398"/>
                <a:gd name="T92" fmla="*/ 274 w 302"/>
                <a:gd name="T93" fmla="*/ 211 h 3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302" h="398">
                  <a:moveTo>
                    <a:pt x="274" y="211"/>
                  </a:moveTo>
                  <a:cubicBezTo>
                    <a:pt x="283" y="218"/>
                    <a:pt x="289" y="227"/>
                    <a:pt x="294" y="236"/>
                  </a:cubicBezTo>
                  <a:cubicBezTo>
                    <a:pt x="299" y="246"/>
                    <a:pt x="302" y="259"/>
                    <a:pt x="302" y="275"/>
                  </a:cubicBezTo>
                  <a:cubicBezTo>
                    <a:pt x="302" y="293"/>
                    <a:pt x="298" y="309"/>
                    <a:pt x="291" y="325"/>
                  </a:cubicBezTo>
                  <a:cubicBezTo>
                    <a:pt x="284" y="341"/>
                    <a:pt x="273" y="354"/>
                    <a:pt x="258" y="365"/>
                  </a:cubicBezTo>
                  <a:cubicBezTo>
                    <a:pt x="244" y="376"/>
                    <a:pt x="227" y="384"/>
                    <a:pt x="208" y="390"/>
                  </a:cubicBezTo>
                  <a:cubicBezTo>
                    <a:pt x="188" y="395"/>
                    <a:pt x="165" y="398"/>
                    <a:pt x="137" y="398"/>
                  </a:cubicBezTo>
                  <a:cubicBezTo>
                    <a:pt x="105" y="398"/>
                    <a:pt x="78" y="396"/>
                    <a:pt x="56" y="391"/>
                  </a:cubicBezTo>
                  <a:cubicBezTo>
                    <a:pt x="33" y="386"/>
                    <a:pt x="14" y="380"/>
                    <a:pt x="0" y="374"/>
                  </a:cubicBezTo>
                  <a:cubicBezTo>
                    <a:pt x="0" y="290"/>
                    <a:pt x="0" y="290"/>
                    <a:pt x="0" y="290"/>
                  </a:cubicBezTo>
                  <a:cubicBezTo>
                    <a:pt x="10" y="290"/>
                    <a:pt x="10" y="290"/>
                    <a:pt x="10" y="290"/>
                  </a:cubicBezTo>
                  <a:cubicBezTo>
                    <a:pt x="25" y="299"/>
                    <a:pt x="43" y="307"/>
                    <a:pt x="63" y="313"/>
                  </a:cubicBezTo>
                  <a:cubicBezTo>
                    <a:pt x="83" y="320"/>
                    <a:pt x="102" y="323"/>
                    <a:pt x="119" y="323"/>
                  </a:cubicBezTo>
                  <a:cubicBezTo>
                    <a:pt x="129" y="323"/>
                    <a:pt x="140" y="322"/>
                    <a:pt x="151" y="321"/>
                  </a:cubicBezTo>
                  <a:cubicBezTo>
                    <a:pt x="163" y="319"/>
                    <a:pt x="173" y="316"/>
                    <a:pt x="181" y="310"/>
                  </a:cubicBezTo>
                  <a:cubicBezTo>
                    <a:pt x="187" y="306"/>
                    <a:pt x="192" y="301"/>
                    <a:pt x="196" y="295"/>
                  </a:cubicBezTo>
                  <a:cubicBezTo>
                    <a:pt x="200" y="288"/>
                    <a:pt x="202" y="280"/>
                    <a:pt x="202" y="268"/>
                  </a:cubicBezTo>
                  <a:cubicBezTo>
                    <a:pt x="202" y="257"/>
                    <a:pt x="199" y="249"/>
                    <a:pt x="194" y="242"/>
                  </a:cubicBezTo>
                  <a:cubicBezTo>
                    <a:pt x="189" y="236"/>
                    <a:pt x="182" y="232"/>
                    <a:pt x="174" y="229"/>
                  </a:cubicBezTo>
                  <a:cubicBezTo>
                    <a:pt x="165" y="227"/>
                    <a:pt x="155" y="225"/>
                    <a:pt x="143" y="225"/>
                  </a:cubicBezTo>
                  <a:cubicBezTo>
                    <a:pt x="132" y="225"/>
                    <a:pt x="121" y="225"/>
                    <a:pt x="111" y="225"/>
                  </a:cubicBezTo>
                  <a:cubicBezTo>
                    <a:pt x="90" y="225"/>
                    <a:pt x="90" y="225"/>
                    <a:pt x="90" y="225"/>
                  </a:cubicBezTo>
                  <a:cubicBezTo>
                    <a:pt x="90" y="156"/>
                    <a:pt x="90" y="156"/>
                    <a:pt x="90" y="156"/>
                  </a:cubicBezTo>
                  <a:cubicBezTo>
                    <a:pt x="111" y="156"/>
                    <a:pt x="111" y="156"/>
                    <a:pt x="111" y="156"/>
                  </a:cubicBezTo>
                  <a:cubicBezTo>
                    <a:pt x="125" y="156"/>
                    <a:pt x="136" y="156"/>
                    <a:pt x="147" y="155"/>
                  </a:cubicBezTo>
                  <a:cubicBezTo>
                    <a:pt x="157" y="154"/>
                    <a:pt x="166" y="152"/>
                    <a:pt x="173" y="149"/>
                  </a:cubicBezTo>
                  <a:cubicBezTo>
                    <a:pt x="180" y="146"/>
                    <a:pt x="186" y="142"/>
                    <a:pt x="190" y="136"/>
                  </a:cubicBezTo>
                  <a:cubicBezTo>
                    <a:pt x="194" y="131"/>
                    <a:pt x="196" y="123"/>
                    <a:pt x="196" y="112"/>
                  </a:cubicBezTo>
                  <a:cubicBezTo>
                    <a:pt x="196" y="105"/>
                    <a:pt x="194" y="99"/>
                    <a:pt x="190" y="94"/>
                  </a:cubicBezTo>
                  <a:cubicBezTo>
                    <a:pt x="186" y="89"/>
                    <a:pt x="181" y="85"/>
                    <a:pt x="175" y="83"/>
                  </a:cubicBezTo>
                  <a:cubicBezTo>
                    <a:pt x="168" y="80"/>
                    <a:pt x="160" y="78"/>
                    <a:pt x="151" y="76"/>
                  </a:cubicBezTo>
                  <a:cubicBezTo>
                    <a:pt x="142" y="75"/>
                    <a:pt x="134" y="75"/>
                    <a:pt x="128" y="75"/>
                  </a:cubicBezTo>
                  <a:cubicBezTo>
                    <a:pt x="112" y="75"/>
                    <a:pt x="94" y="78"/>
                    <a:pt x="75" y="83"/>
                  </a:cubicBezTo>
                  <a:cubicBezTo>
                    <a:pt x="57" y="89"/>
                    <a:pt x="38" y="97"/>
                    <a:pt x="21" y="107"/>
                  </a:cubicBezTo>
                  <a:cubicBezTo>
                    <a:pt x="11" y="107"/>
                    <a:pt x="11" y="107"/>
                    <a:pt x="11" y="107"/>
                  </a:cubicBezTo>
                  <a:cubicBezTo>
                    <a:pt x="11" y="24"/>
                    <a:pt x="11" y="24"/>
                    <a:pt x="11" y="24"/>
                  </a:cubicBezTo>
                  <a:cubicBezTo>
                    <a:pt x="25" y="19"/>
                    <a:pt x="44" y="13"/>
                    <a:pt x="68" y="8"/>
                  </a:cubicBezTo>
                  <a:cubicBezTo>
                    <a:pt x="93" y="3"/>
                    <a:pt x="117" y="0"/>
                    <a:pt x="142" y="0"/>
                  </a:cubicBezTo>
                  <a:cubicBezTo>
                    <a:pt x="166" y="0"/>
                    <a:pt x="187" y="2"/>
                    <a:pt x="205" y="7"/>
                  </a:cubicBezTo>
                  <a:cubicBezTo>
                    <a:pt x="223" y="11"/>
                    <a:pt x="238" y="16"/>
                    <a:pt x="250" y="23"/>
                  </a:cubicBezTo>
                  <a:cubicBezTo>
                    <a:pt x="264" y="32"/>
                    <a:pt x="275" y="42"/>
                    <a:pt x="282" y="54"/>
                  </a:cubicBezTo>
                  <a:cubicBezTo>
                    <a:pt x="288" y="66"/>
                    <a:pt x="292" y="80"/>
                    <a:pt x="292" y="96"/>
                  </a:cubicBezTo>
                  <a:cubicBezTo>
                    <a:pt x="292" y="117"/>
                    <a:pt x="285" y="136"/>
                    <a:pt x="272" y="153"/>
                  </a:cubicBezTo>
                  <a:cubicBezTo>
                    <a:pt x="259" y="170"/>
                    <a:pt x="241" y="180"/>
                    <a:pt x="220" y="185"/>
                  </a:cubicBezTo>
                  <a:cubicBezTo>
                    <a:pt x="220" y="188"/>
                    <a:pt x="220" y="188"/>
                    <a:pt x="220" y="188"/>
                  </a:cubicBezTo>
                  <a:cubicBezTo>
                    <a:pt x="229" y="190"/>
                    <a:pt x="238" y="192"/>
                    <a:pt x="248" y="196"/>
                  </a:cubicBezTo>
                  <a:cubicBezTo>
                    <a:pt x="257" y="199"/>
                    <a:pt x="266" y="204"/>
                    <a:pt x="274" y="211"/>
                  </a:cubicBezTo>
                  <a:close/>
                </a:path>
              </a:pathLst>
            </a:custGeom>
            <a:solidFill>
              <a:srgbClr val="00905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009051"/>
                </a:solidFill>
              </a:endParaRPr>
            </a:p>
          </p:txBody>
        </p:sp>
      </p:grpSp>
      <p:grpSp>
        <p:nvGrpSpPr>
          <p:cNvPr id="22" name="Group 21"/>
          <p:cNvGrpSpPr/>
          <p:nvPr>
            <p:custDataLst>
              <p:tags r:id="rId5"/>
            </p:custDataLst>
          </p:nvPr>
        </p:nvGrpSpPr>
        <p:grpSpPr>
          <a:xfrm>
            <a:off x="360253" y="4168584"/>
            <a:ext cx="12034947" cy="711438"/>
            <a:chOff x="360253" y="4034772"/>
            <a:chExt cx="12034947" cy="711438"/>
          </a:xfrm>
        </p:grpSpPr>
        <p:sp>
          <p:nvSpPr>
            <p:cNvPr id="37" name="Rectangle 36"/>
            <p:cNvSpPr/>
            <p:nvPr>
              <p:custDataLst>
                <p:tags r:id="rId10"/>
              </p:custDataLst>
            </p:nvPr>
          </p:nvSpPr>
          <p:spPr>
            <a:xfrm>
              <a:off x="809625" y="4034773"/>
              <a:ext cx="11585575" cy="711437"/>
            </a:xfrm>
            <a:prstGeom prst="rect">
              <a:avLst/>
            </a:prstGeom>
            <a:solidFill>
              <a:srgbClr val="DDDDDD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anchor="ctr"/>
            <a:lstStyle/>
            <a:p>
              <a:pPr marL="361950"/>
              <a:r>
                <a:rPr lang="en-US" sz="2400" b="1" cap="all" dirty="0">
                  <a:solidFill>
                    <a:srgbClr val="009051"/>
                  </a:solidFill>
                  <a:latin typeface="Verdana" panose="020B0604030504040204" pitchFamily="34" charset="0"/>
                </a:rPr>
                <a:t>LOW margin crops</a:t>
              </a:r>
              <a:br>
                <a:rPr lang="en-US" sz="2400" b="1" cap="all" dirty="0">
                  <a:solidFill>
                    <a:srgbClr val="002060"/>
                  </a:solidFill>
                  <a:latin typeface="Verdana" panose="020B0604030504040204" pitchFamily="34" charset="0"/>
                </a:rPr>
              </a:br>
              <a:r>
                <a:rPr lang="en-US" sz="1600" dirty="0">
                  <a:solidFill>
                    <a:srgbClr val="000000"/>
                  </a:solidFill>
                  <a:latin typeface="Verdana" panose="020B0604030504040204" pitchFamily="34" charset="0"/>
                </a:rPr>
                <a:t>Choice of crops remains traditional with low margins often dictated by local community trends</a:t>
              </a:r>
            </a:p>
          </p:txBody>
        </p:sp>
        <p:sp>
          <p:nvSpPr>
            <p:cNvPr id="11" name="Freeform 8"/>
            <p:cNvSpPr>
              <a:spLocks noChangeAspect="1" noEditPoints="1"/>
            </p:cNvSpPr>
            <p:nvPr/>
          </p:nvSpPr>
          <p:spPr bwMode="auto">
            <a:xfrm>
              <a:off x="360253" y="4034772"/>
              <a:ext cx="611476" cy="711437"/>
            </a:xfrm>
            <a:custGeom>
              <a:avLst/>
              <a:gdLst>
                <a:gd name="T0" fmla="*/ 783 w 783"/>
                <a:gd name="T1" fmla="*/ 699 h 911"/>
                <a:gd name="T2" fmla="*/ 660 w 783"/>
                <a:gd name="T3" fmla="*/ 699 h 911"/>
                <a:gd name="T4" fmla="*/ 660 w 783"/>
                <a:gd name="T5" fmla="*/ 911 h 911"/>
                <a:gd name="T6" fmla="*/ 438 w 783"/>
                <a:gd name="T7" fmla="*/ 911 h 911"/>
                <a:gd name="T8" fmla="*/ 438 w 783"/>
                <a:gd name="T9" fmla="*/ 699 h 911"/>
                <a:gd name="T10" fmla="*/ 0 w 783"/>
                <a:gd name="T11" fmla="*/ 699 h 911"/>
                <a:gd name="T12" fmla="*/ 0 w 783"/>
                <a:gd name="T13" fmla="*/ 528 h 911"/>
                <a:gd name="T14" fmla="*/ 421 w 783"/>
                <a:gd name="T15" fmla="*/ 0 h 911"/>
                <a:gd name="T16" fmla="*/ 660 w 783"/>
                <a:gd name="T17" fmla="*/ 0 h 911"/>
                <a:gd name="T18" fmla="*/ 660 w 783"/>
                <a:gd name="T19" fmla="*/ 535 h 911"/>
                <a:gd name="T20" fmla="*/ 783 w 783"/>
                <a:gd name="T21" fmla="*/ 535 h 911"/>
                <a:gd name="T22" fmla="*/ 783 w 783"/>
                <a:gd name="T23" fmla="*/ 699 h 911"/>
                <a:gd name="T24" fmla="*/ 438 w 783"/>
                <a:gd name="T25" fmla="*/ 535 h 911"/>
                <a:gd name="T26" fmla="*/ 438 w 783"/>
                <a:gd name="T27" fmla="*/ 204 h 911"/>
                <a:gd name="T28" fmla="*/ 173 w 783"/>
                <a:gd name="T29" fmla="*/ 535 h 911"/>
                <a:gd name="T30" fmla="*/ 438 w 783"/>
                <a:gd name="T31" fmla="*/ 535 h 91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783" h="911">
                  <a:moveTo>
                    <a:pt x="783" y="699"/>
                  </a:moveTo>
                  <a:lnTo>
                    <a:pt x="660" y="699"/>
                  </a:lnTo>
                  <a:lnTo>
                    <a:pt x="660" y="911"/>
                  </a:lnTo>
                  <a:lnTo>
                    <a:pt x="438" y="911"/>
                  </a:lnTo>
                  <a:lnTo>
                    <a:pt x="438" y="699"/>
                  </a:lnTo>
                  <a:lnTo>
                    <a:pt x="0" y="699"/>
                  </a:lnTo>
                  <a:lnTo>
                    <a:pt x="0" y="528"/>
                  </a:lnTo>
                  <a:lnTo>
                    <a:pt x="421" y="0"/>
                  </a:lnTo>
                  <a:lnTo>
                    <a:pt x="660" y="0"/>
                  </a:lnTo>
                  <a:lnTo>
                    <a:pt x="660" y="535"/>
                  </a:lnTo>
                  <a:lnTo>
                    <a:pt x="783" y="535"/>
                  </a:lnTo>
                  <a:lnTo>
                    <a:pt x="783" y="699"/>
                  </a:lnTo>
                  <a:close/>
                  <a:moveTo>
                    <a:pt x="438" y="535"/>
                  </a:moveTo>
                  <a:lnTo>
                    <a:pt x="438" y="204"/>
                  </a:lnTo>
                  <a:lnTo>
                    <a:pt x="173" y="535"/>
                  </a:lnTo>
                  <a:lnTo>
                    <a:pt x="438" y="535"/>
                  </a:lnTo>
                  <a:close/>
                </a:path>
              </a:pathLst>
            </a:custGeom>
            <a:solidFill>
              <a:srgbClr val="00905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23" name="Group 22"/>
          <p:cNvGrpSpPr/>
          <p:nvPr>
            <p:custDataLst>
              <p:tags r:id="rId6"/>
            </p:custDataLst>
          </p:nvPr>
        </p:nvGrpSpPr>
        <p:grpSpPr>
          <a:xfrm>
            <a:off x="432204" y="5134021"/>
            <a:ext cx="11958582" cy="711438"/>
            <a:chOff x="432204" y="5000209"/>
            <a:chExt cx="11958582" cy="711438"/>
          </a:xfrm>
        </p:grpSpPr>
        <p:sp>
          <p:nvSpPr>
            <p:cNvPr id="46" name="Rectangle 45"/>
            <p:cNvSpPr/>
            <p:nvPr>
              <p:custDataLst>
                <p:tags r:id="rId9"/>
              </p:custDataLst>
            </p:nvPr>
          </p:nvSpPr>
          <p:spPr>
            <a:xfrm>
              <a:off x="577011" y="5000210"/>
              <a:ext cx="11813775" cy="711437"/>
            </a:xfrm>
            <a:custGeom>
              <a:avLst/>
              <a:gdLst>
                <a:gd name="connsiteX0" fmla="*/ 0 w 11788806"/>
                <a:gd name="connsiteY0" fmla="*/ 0 h 711437"/>
                <a:gd name="connsiteX1" fmla="*/ 11788806 w 11788806"/>
                <a:gd name="connsiteY1" fmla="*/ 0 h 711437"/>
                <a:gd name="connsiteX2" fmla="*/ 11788806 w 11788806"/>
                <a:gd name="connsiteY2" fmla="*/ 711437 h 711437"/>
                <a:gd name="connsiteX3" fmla="*/ 0 w 11788806"/>
                <a:gd name="connsiteY3" fmla="*/ 711437 h 711437"/>
                <a:gd name="connsiteX4" fmla="*/ 0 w 11788806"/>
                <a:gd name="connsiteY4" fmla="*/ 0 h 711437"/>
                <a:gd name="connsiteX0" fmla="*/ 1906 w 11790712"/>
                <a:gd name="connsiteY0" fmla="*/ 0 h 711437"/>
                <a:gd name="connsiteX1" fmla="*/ 11790712 w 11790712"/>
                <a:gd name="connsiteY1" fmla="*/ 0 h 711437"/>
                <a:gd name="connsiteX2" fmla="*/ 11790712 w 11790712"/>
                <a:gd name="connsiteY2" fmla="*/ 711437 h 711437"/>
                <a:gd name="connsiteX3" fmla="*/ 1906 w 11790712"/>
                <a:gd name="connsiteY3" fmla="*/ 711437 h 711437"/>
                <a:gd name="connsiteX4" fmla="*/ 0 w 11790712"/>
                <a:gd name="connsiteY4" fmla="*/ 476665 h 711437"/>
                <a:gd name="connsiteX5" fmla="*/ 1906 w 11790712"/>
                <a:gd name="connsiteY5" fmla="*/ 0 h 711437"/>
                <a:gd name="connsiteX0" fmla="*/ 2 w 11788808"/>
                <a:gd name="connsiteY0" fmla="*/ 0 h 711437"/>
                <a:gd name="connsiteX1" fmla="*/ 11788808 w 11788808"/>
                <a:gd name="connsiteY1" fmla="*/ 0 h 711437"/>
                <a:gd name="connsiteX2" fmla="*/ 11788808 w 11788808"/>
                <a:gd name="connsiteY2" fmla="*/ 711437 h 711437"/>
                <a:gd name="connsiteX3" fmla="*/ 2 w 11788808"/>
                <a:gd name="connsiteY3" fmla="*/ 711437 h 711437"/>
                <a:gd name="connsiteX4" fmla="*/ 271146 w 11788808"/>
                <a:gd name="connsiteY4" fmla="*/ 492540 h 711437"/>
                <a:gd name="connsiteX5" fmla="*/ 2 w 11788808"/>
                <a:gd name="connsiteY5" fmla="*/ 0 h 711437"/>
                <a:gd name="connsiteX0" fmla="*/ 845257 w 12634063"/>
                <a:gd name="connsiteY0" fmla="*/ 0 h 711437"/>
                <a:gd name="connsiteX1" fmla="*/ 12634063 w 12634063"/>
                <a:gd name="connsiteY1" fmla="*/ 0 h 711437"/>
                <a:gd name="connsiteX2" fmla="*/ 12634063 w 12634063"/>
                <a:gd name="connsiteY2" fmla="*/ 711437 h 711437"/>
                <a:gd name="connsiteX3" fmla="*/ 845257 w 12634063"/>
                <a:gd name="connsiteY3" fmla="*/ 711437 h 711437"/>
                <a:gd name="connsiteX4" fmla="*/ 1116401 w 12634063"/>
                <a:gd name="connsiteY4" fmla="*/ 492540 h 711437"/>
                <a:gd name="connsiteX5" fmla="*/ 960826 w 12634063"/>
                <a:gd name="connsiteY5" fmla="*/ 219490 h 711437"/>
                <a:gd name="connsiteX6" fmla="*/ 845257 w 12634063"/>
                <a:gd name="connsiteY6" fmla="*/ 0 h 711437"/>
                <a:gd name="connsiteX0" fmla="*/ 845257 w 12634063"/>
                <a:gd name="connsiteY0" fmla="*/ 0 h 711437"/>
                <a:gd name="connsiteX1" fmla="*/ 12634063 w 12634063"/>
                <a:gd name="connsiteY1" fmla="*/ 0 h 711437"/>
                <a:gd name="connsiteX2" fmla="*/ 12634063 w 12634063"/>
                <a:gd name="connsiteY2" fmla="*/ 711437 h 711437"/>
                <a:gd name="connsiteX3" fmla="*/ 845257 w 12634063"/>
                <a:gd name="connsiteY3" fmla="*/ 711437 h 711437"/>
                <a:gd name="connsiteX4" fmla="*/ 1116401 w 12634063"/>
                <a:gd name="connsiteY4" fmla="*/ 492540 h 711437"/>
                <a:gd name="connsiteX5" fmla="*/ 960826 w 12634063"/>
                <a:gd name="connsiteY5" fmla="*/ 219490 h 711437"/>
                <a:gd name="connsiteX6" fmla="*/ 845257 w 12634063"/>
                <a:gd name="connsiteY6" fmla="*/ 0 h 711437"/>
                <a:gd name="connsiteX0" fmla="*/ 3208 w 11792014"/>
                <a:gd name="connsiteY0" fmla="*/ 0 h 711437"/>
                <a:gd name="connsiteX1" fmla="*/ 11792014 w 11792014"/>
                <a:gd name="connsiteY1" fmla="*/ 0 h 711437"/>
                <a:gd name="connsiteX2" fmla="*/ 11792014 w 11792014"/>
                <a:gd name="connsiteY2" fmla="*/ 711437 h 711437"/>
                <a:gd name="connsiteX3" fmla="*/ 3208 w 11792014"/>
                <a:gd name="connsiteY3" fmla="*/ 711437 h 711437"/>
                <a:gd name="connsiteX4" fmla="*/ 274352 w 11792014"/>
                <a:gd name="connsiteY4" fmla="*/ 492540 h 711437"/>
                <a:gd name="connsiteX5" fmla="*/ 118777 w 11792014"/>
                <a:gd name="connsiteY5" fmla="*/ 219490 h 711437"/>
                <a:gd name="connsiteX6" fmla="*/ 3208 w 11792014"/>
                <a:gd name="connsiteY6" fmla="*/ 0 h 711437"/>
                <a:gd name="connsiteX0" fmla="*/ 24969 w 11813775"/>
                <a:gd name="connsiteY0" fmla="*/ 0 h 711437"/>
                <a:gd name="connsiteX1" fmla="*/ 11813775 w 11813775"/>
                <a:gd name="connsiteY1" fmla="*/ 0 h 711437"/>
                <a:gd name="connsiteX2" fmla="*/ 11813775 w 11813775"/>
                <a:gd name="connsiteY2" fmla="*/ 711437 h 711437"/>
                <a:gd name="connsiteX3" fmla="*/ 24969 w 11813775"/>
                <a:gd name="connsiteY3" fmla="*/ 711437 h 711437"/>
                <a:gd name="connsiteX4" fmla="*/ 296113 w 11813775"/>
                <a:gd name="connsiteY4" fmla="*/ 492540 h 711437"/>
                <a:gd name="connsiteX5" fmla="*/ 26238 w 11813775"/>
                <a:gd name="connsiteY5" fmla="*/ 282990 h 711437"/>
                <a:gd name="connsiteX6" fmla="*/ 24969 w 11813775"/>
                <a:gd name="connsiteY6" fmla="*/ 0 h 711437"/>
                <a:gd name="connsiteX0" fmla="*/ 24969 w 11813775"/>
                <a:gd name="connsiteY0" fmla="*/ 0 h 711437"/>
                <a:gd name="connsiteX1" fmla="*/ 11813775 w 11813775"/>
                <a:gd name="connsiteY1" fmla="*/ 0 h 711437"/>
                <a:gd name="connsiteX2" fmla="*/ 11813775 w 11813775"/>
                <a:gd name="connsiteY2" fmla="*/ 711437 h 711437"/>
                <a:gd name="connsiteX3" fmla="*/ 24969 w 11813775"/>
                <a:gd name="connsiteY3" fmla="*/ 711437 h 711437"/>
                <a:gd name="connsiteX4" fmla="*/ 296113 w 11813775"/>
                <a:gd name="connsiteY4" fmla="*/ 492540 h 711437"/>
                <a:gd name="connsiteX5" fmla="*/ 26238 w 11813775"/>
                <a:gd name="connsiteY5" fmla="*/ 282990 h 711437"/>
                <a:gd name="connsiteX6" fmla="*/ 24969 w 11813775"/>
                <a:gd name="connsiteY6" fmla="*/ 0 h 71143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11813775" h="711437">
                  <a:moveTo>
                    <a:pt x="24969" y="0"/>
                  </a:moveTo>
                  <a:lnTo>
                    <a:pt x="11813775" y="0"/>
                  </a:lnTo>
                  <a:lnTo>
                    <a:pt x="11813775" y="711437"/>
                  </a:lnTo>
                  <a:lnTo>
                    <a:pt x="24969" y="711437"/>
                  </a:lnTo>
                  <a:cubicBezTo>
                    <a:pt x="24334" y="633180"/>
                    <a:pt x="296748" y="570797"/>
                    <a:pt x="296113" y="492540"/>
                  </a:cubicBezTo>
                  <a:cubicBezTo>
                    <a:pt x="315374" y="410549"/>
                    <a:pt x="61904" y="326980"/>
                    <a:pt x="26238" y="282990"/>
                  </a:cubicBezTo>
                  <a:cubicBezTo>
                    <a:pt x="-18953" y="200900"/>
                    <a:pt x="3480" y="265182"/>
                    <a:pt x="24969" y="0"/>
                  </a:cubicBezTo>
                  <a:close/>
                </a:path>
              </a:pathLst>
            </a:custGeom>
            <a:solidFill>
              <a:srgbClr val="DDDDDD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anchor="ctr"/>
            <a:lstStyle/>
            <a:p>
              <a:pPr marL="432000"/>
              <a:r>
                <a:rPr lang="en-US" sz="2400" b="1" cap="all" dirty="0">
                  <a:solidFill>
                    <a:srgbClr val="009051"/>
                  </a:solidFill>
                  <a:latin typeface="Verdana" panose="020B0604030504040204" pitchFamily="34" charset="0"/>
                </a:rPr>
                <a:t>  Indirect access to Consumer market</a:t>
              </a:r>
            </a:p>
            <a:p>
              <a:pPr marL="594000"/>
              <a:r>
                <a:rPr lang="en-US" sz="1600" dirty="0">
                  <a:solidFill>
                    <a:srgbClr val="000000"/>
                  </a:solidFill>
                  <a:latin typeface="Verdana" panose="020B0604030504040204" pitchFamily="34" charset="0"/>
                </a:rPr>
                <a:t> Multiple middlemen involved in supply chain leading to farmers getting a fraction of what consumers pay </a:t>
              </a:r>
            </a:p>
          </p:txBody>
        </p:sp>
        <p:sp>
          <p:nvSpPr>
            <p:cNvPr id="12" name="Freeform 9"/>
            <p:cNvSpPr>
              <a:spLocks noChangeAspect="1"/>
            </p:cNvSpPr>
            <p:nvPr/>
          </p:nvSpPr>
          <p:spPr bwMode="auto">
            <a:xfrm>
              <a:off x="432204" y="5000209"/>
              <a:ext cx="539525" cy="711437"/>
            </a:xfrm>
            <a:custGeom>
              <a:avLst/>
              <a:gdLst>
                <a:gd name="T0" fmla="*/ 297 w 297"/>
                <a:gd name="T1" fmla="*/ 253 h 390"/>
                <a:gd name="T2" fmla="*/ 286 w 297"/>
                <a:gd name="T3" fmla="*/ 308 h 390"/>
                <a:gd name="T4" fmla="*/ 253 w 297"/>
                <a:gd name="T5" fmla="*/ 352 h 390"/>
                <a:gd name="T6" fmla="*/ 199 w 297"/>
                <a:gd name="T7" fmla="*/ 381 h 390"/>
                <a:gd name="T8" fmla="*/ 129 w 297"/>
                <a:gd name="T9" fmla="*/ 390 h 390"/>
                <a:gd name="T10" fmla="*/ 51 w 297"/>
                <a:gd name="T11" fmla="*/ 383 h 390"/>
                <a:gd name="T12" fmla="*/ 0 w 297"/>
                <a:gd name="T13" fmla="*/ 367 h 390"/>
                <a:gd name="T14" fmla="*/ 0 w 297"/>
                <a:gd name="T15" fmla="*/ 283 h 390"/>
                <a:gd name="T16" fmla="*/ 11 w 297"/>
                <a:gd name="T17" fmla="*/ 283 h 390"/>
                <a:gd name="T18" fmla="*/ 61 w 297"/>
                <a:gd name="T19" fmla="*/ 306 h 390"/>
                <a:gd name="T20" fmla="*/ 114 w 297"/>
                <a:gd name="T21" fmla="*/ 315 h 390"/>
                <a:gd name="T22" fmla="*/ 150 w 297"/>
                <a:gd name="T23" fmla="*/ 311 h 390"/>
                <a:gd name="T24" fmla="*/ 179 w 297"/>
                <a:gd name="T25" fmla="*/ 298 h 390"/>
                <a:gd name="T26" fmla="*/ 193 w 297"/>
                <a:gd name="T27" fmla="*/ 282 h 390"/>
                <a:gd name="T28" fmla="*/ 197 w 297"/>
                <a:gd name="T29" fmla="*/ 256 h 390"/>
                <a:gd name="T30" fmla="*/ 191 w 297"/>
                <a:gd name="T31" fmla="*/ 233 h 390"/>
                <a:gd name="T32" fmla="*/ 176 w 297"/>
                <a:gd name="T33" fmla="*/ 218 h 390"/>
                <a:gd name="T34" fmla="*/ 142 w 297"/>
                <a:gd name="T35" fmla="*/ 207 h 390"/>
                <a:gd name="T36" fmla="*/ 107 w 297"/>
                <a:gd name="T37" fmla="*/ 204 h 390"/>
                <a:gd name="T38" fmla="*/ 62 w 297"/>
                <a:gd name="T39" fmla="*/ 208 h 390"/>
                <a:gd name="T40" fmla="*/ 25 w 297"/>
                <a:gd name="T41" fmla="*/ 216 h 390"/>
                <a:gd name="T42" fmla="*/ 14 w 297"/>
                <a:gd name="T43" fmla="*/ 216 h 390"/>
                <a:gd name="T44" fmla="*/ 14 w 297"/>
                <a:gd name="T45" fmla="*/ 0 h 390"/>
                <a:gd name="T46" fmla="*/ 286 w 297"/>
                <a:gd name="T47" fmla="*/ 0 h 390"/>
                <a:gd name="T48" fmla="*/ 286 w 297"/>
                <a:gd name="T49" fmla="*/ 73 h 390"/>
                <a:gd name="T50" fmla="*/ 107 w 297"/>
                <a:gd name="T51" fmla="*/ 73 h 390"/>
                <a:gd name="T52" fmla="*/ 107 w 297"/>
                <a:gd name="T53" fmla="*/ 136 h 390"/>
                <a:gd name="T54" fmla="*/ 127 w 297"/>
                <a:gd name="T55" fmla="*/ 135 h 390"/>
                <a:gd name="T56" fmla="*/ 148 w 297"/>
                <a:gd name="T57" fmla="*/ 134 h 390"/>
                <a:gd name="T58" fmla="*/ 205 w 297"/>
                <a:gd name="T59" fmla="*/ 140 h 390"/>
                <a:gd name="T60" fmla="*/ 247 w 297"/>
                <a:gd name="T61" fmla="*/ 157 h 390"/>
                <a:gd name="T62" fmla="*/ 284 w 297"/>
                <a:gd name="T63" fmla="*/ 195 h 390"/>
                <a:gd name="T64" fmla="*/ 297 w 297"/>
                <a:gd name="T65" fmla="*/ 253 h 3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297" h="390">
                  <a:moveTo>
                    <a:pt x="297" y="253"/>
                  </a:moveTo>
                  <a:cubicBezTo>
                    <a:pt x="297" y="273"/>
                    <a:pt x="293" y="291"/>
                    <a:pt x="286" y="308"/>
                  </a:cubicBezTo>
                  <a:cubicBezTo>
                    <a:pt x="278" y="325"/>
                    <a:pt x="268" y="340"/>
                    <a:pt x="253" y="352"/>
                  </a:cubicBezTo>
                  <a:cubicBezTo>
                    <a:pt x="238" y="365"/>
                    <a:pt x="219" y="375"/>
                    <a:pt x="199" y="381"/>
                  </a:cubicBezTo>
                  <a:cubicBezTo>
                    <a:pt x="179" y="387"/>
                    <a:pt x="155" y="390"/>
                    <a:pt x="129" y="390"/>
                  </a:cubicBezTo>
                  <a:cubicBezTo>
                    <a:pt x="98" y="390"/>
                    <a:pt x="73" y="388"/>
                    <a:pt x="51" y="383"/>
                  </a:cubicBezTo>
                  <a:cubicBezTo>
                    <a:pt x="30" y="378"/>
                    <a:pt x="13" y="373"/>
                    <a:pt x="0" y="367"/>
                  </a:cubicBezTo>
                  <a:cubicBezTo>
                    <a:pt x="0" y="283"/>
                    <a:pt x="0" y="283"/>
                    <a:pt x="0" y="283"/>
                  </a:cubicBezTo>
                  <a:cubicBezTo>
                    <a:pt x="11" y="283"/>
                    <a:pt x="11" y="283"/>
                    <a:pt x="11" y="283"/>
                  </a:cubicBezTo>
                  <a:cubicBezTo>
                    <a:pt x="26" y="292"/>
                    <a:pt x="43" y="300"/>
                    <a:pt x="61" y="306"/>
                  </a:cubicBezTo>
                  <a:cubicBezTo>
                    <a:pt x="79" y="312"/>
                    <a:pt x="97" y="315"/>
                    <a:pt x="114" y="315"/>
                  </a:cubicBezTo>
                  <a:cubicBezTo>
                    <a:pt x="125" y="315"/>
                    <a:pt x="137" y="314"/>
                    <a:pt x="150" y="311"/>
                  </a:cubicBezTo>
                  <a:cubicBezTo>
                    <a:pt x="162" y="309"/>
                    <a:pt x="172" y="304"/>
                    <a:pt x="179" y="298"/>
                  </a:cubicBezTo>
                  <a:cubicBezTo>
                    <a:pt x="185" y="293"/>
                    <a:pt x="190" y="287"/>
                    <a:pt x="193" y="282"/>
                  </a:cubicBezTo>
                  <a:cubicBezTo>
                    <a:pt x="196" y="276"/>
                    <a:pt x="197" y="268"/>
                    <a:pt x="197" y="256"/>
                  </a:cubicBezTo>
                  <a:cubicBezTo>
                    <a:pt x="197" y="247"/>
                    <a:pt x="195" y="240"/>
                    <a:pt x="191" y="233"/>
                  </a:cubicBezTo>
                  <a:cubicBezTo>
                    <a:pt x="187" y="227"/>
                    <a:pt x="182" y="222"/>
                    <a:pt x="176" y="218"/>
                  </a:cubicBezTo>
                  <a:cubicBezTo>
                    <a:pt x="166" y="212"/>
                    <a:pt x="155" y="209"/>
                    <a:pt x="142" y="207"/>
                  </a:cubicBezTo>
                  <a:cubicBezTo>
                    <a:pt x="129" y="205"/>
                    <a:pt x="117" y="204"/>
                    <a:pt x="107" y="204"/>
                  </a:cubicBezTo>
                  <a:cubicBezTo>
                    <a:pt x="91" y="204"/>
                    <a:pt x="77" y="205"/>
                    <a:pt x="62" y="208"/>
                  </a:cubicBezTo>
                  <a:cubicBezTo>
                    <a:pt x="48" y="211"/>
                    <a:pt x="36" y="213"/>
                    <a:pt x="25" y="216"/>
                  </a:cubicBezTo>
                  <a:cubicBezTo>
                    <a:pt x="14" y="216"/>
                    <a:pt x="14" y="216"/>
                    <a:pt x="14" y="216"/>
                  </a:cubicBezTo>
                  <a:cubicBezTo>
                    <a:pt x="14" y="0"/>
                    <a:pt x="14" y="0"/>
                    <a:pt x="14" y="0"/>
                  </a:cubicBezTo>
                  <a:cubicBezTo>
                    <a:pt x="286" y="0"/>
                    <a:pt x="286" y="0"/>
                    <a:pt x="286" y="0"/>
                  </a:cubicBezTo>
                  <a:cubicBezTo>
                    <a:pt x="286" y="73"/>
                    <a:pt x="286" y="73"/>
                    <a:pt x="286" y="73"/>
                  </a:cubicBezTo>
                  <a:cubicBezTo>
                    <a:pt x="107" y="73"/>
                    <a:pt x="107" y="73"/>
                    <a:pt x="107" y="73"/>
                  </a:cubicBezTo>
                  <a:cubicBezTo>
                    <a:pt x="107" y="136"/>
                    <a:pt x="107" y="136"/>
                    <a:pt x="107" y="136"/>
                  </a:cubicBezTo>
                  <a:cubicBezTo>
                    <a:pt x="112" y="135"/>
                    <a:pt x="119" y="135"/>
                    <a:pt x="127" y="135"/>
                  </a:cubicBezTo>
                  <a:cubicBezTo>
                    <a:pt x="135" y="135"/>
                    <a:pt x="142" y="134"/>
                    <a:pt x="148" y="134"/>
                  </a:cubicBezTo>
                  <a:cubicBezTo>
                    <a:pt x="169" y="134"/>
                    <a:pt x="188" y="136"/>
                    <a:pt x="205" y="140"/>
                  </a:cubicBezTo>
                  <a:cubicBezTo>
                    <a:pt x="221" y="145"/>
                    <a:pt x="235" y="150"/>
                    <a:pt x="247" y="157"/>
                  </a:cubicBezTo>
                  <a:cubicBezTo>
                    <a:pt x="263" y="167"/>
                    <a:pt x="275" y="179"/>
                    <a:pt x="284" y="195"/>
                  </a:cubicBezTo>
                  <a:cubicBezTo>
                    <a:pt x="293" y="210"/>
                    <a:pt x="297" y="230"/>
                    <a:pt x="297" y="253"/>
                  </a:cubicBezTo>
                  <a:close/>
                </a:path>
              </a:pathLst>
            </a:custGeom>
            <a:solidFill>
              <a:srgbClr val="00905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FFFFFF"/>
                </a:solidFill>
              </a:endParaRPr>
            </a:p>
          </p:txBody>
        </p:sp>
      </p:grpSp>
      <p:grpSp>
        <p:nvGrpSpPr>
          <p:cNvPr id="24" name="Group 23"/>
          <p:cNvGrpSpPr/>
          <p:nvPr>
            <p:custDataLst>
              <p:tags r:id="rId7"/>
            </p:custDataLst>
          </p:nvPr>
        </p:nvGrpSpPr>
        <p:grpSpPr>
          <a:xfrm>
            <a:off x="415543" y="6096462"/>
            <a:ext cx="11974362" cy="714433"/>
            <a:chOff x="415543" y="5962650"/>
            <a:chExt cx="11974362" cy="714433"/>
          </a:xfrm>
        </p:grpSpPr>
        <p:sp>
          <p:nvSpPr>
            <p:cNvPr id="48" name="Rectangle 47"/>
            <p:cNvSpPr/>
            <p:nvPr>
              <p:custDataLst>
                <p:tags r:id="rId8"/>
              </p:custDataLst>
            </p:nvPr>
          </p:nvSpPr>
          <p:spPr>
            <a:xfrm>
              <a:off x="577851" y="5962650"/>
              <a:ext cx="11812054" cy="714433"/>
            </a:xfrm>
            <a:custGeom>
              <a:avLst/>
              <a:gdLst>
                <a:gd name="connsiteX0" fmla="*/ 0 w 11856504"/>
                <a:gd name="connsiteY0" fmla="*/ 0 h 711437"/>
                <a:gd name="connsiteX1" fmla="*/ 11856504 w 11856504"/>
                <a:gd name="connsiteY1" fmla="*/ 0 h 711437"/>
                <a:gd name="connsiteX2" fmla="*/ 11856504 w 11856504"/>
                <a:gd name="connsiteY2" fmla="*/ 711437 h 711437"/>
                <a:gd name="connsiteX3" fmla="*/ 0 w 11856504"/>
                <a:gd name="connsiteY3" fmla="*/ 711437 h 711437"/>
                <a:gd name="connsiteX4" fmla="*/ 0 w 11856504"/>
                <a:gd name="connsiteY4" fmla="*/ 0 h 711437"/>
                <a:gd name="connsiteX0" fmla="*/ 0 w 11856504"/>
                <a:gd name="connsiteY0" fmla="*/ 2996 h 714433"/>
                <a:gd name="connsiteX1" fmla="*/ 253999 w 11856504"/>
                <a:gd name="connsiteY1" fmla="*/ 0 h 714433"/>
                <a:gd name="connsiteX2" fmla="*/ 11856504 w 11856504"/>
                <a:gd name="connsiteY2" fmla="*/ 2996 h 714433"/>
                <a:gd name="connsiteX3" fmla="*/ 11856504 w 11856504"/>
                <a:gd name="connsiteY3" fmla="*/ 714433 h 714433"/>
                <a:gd name="connsiteX4" fmla="*/ 0 w 11856504"/>
                <a:gd name="connsiteY4" fmla="*/ 714433 h 714433"/>
                <a:gd name="connsiteX5" fmla="*/ 0 w 11856504"/>
                <a:gd name="connsiteY5" fmla="*/ 2996 h 714433"/>
                <a:gd name="connsiteX0" fmla="*/ 0 w 11856504"/>
                <a:gd name="connsiteY0" fmla="*/ 2996 h 714433"/>
                <a:gd name="connsiteX1" fmla="*/ 253999 w 11856504"/>
                <a:gd name="connsiteY1" fmla="*/ 0 h 714433"/>
                <a:gd name="connsiteX2" fmla="*/ 11856504 w 11856504"/>
                <a:gd name="connsiteY2" fmla="*/ 2996 h 714433"/>
                <a:gd name="connsiteX3" fmla="*/ 11856504 w 11856504"/>
                <a:gd name="connsiteY3" fmla="*/ 714433 h 714433"/>
                <a:gd name="connsiteX4" fmla="*/ 314324 w 11856504"/>
                <a:gd name="connsiteY4" fmla="*/ 714375 h 714433"/>
                <a:gd name="connsiteX5" fmla="*/ 0 w 11856504"/>
                <a:gd name="connsiteY5" fmla="*/ 714433 h 714433"/>
                <a:gd name="connsiteX6" fmla="*/ 0 w 11856504"/>
                <a:gd name="connsiteY6" fmla="*/ 2996 h 714433"/>
                <a:gd name="connsiteX0" fmla="*/ 0 w 11856504"/>
                <a:gd name="connsiteY0" fmla="*/ 2996 h 714433"/>
                <a:gd name="connsiteX1" fmla="*/ 253999 w 11856504"/>
                <a:gd name="connsiteY1" fmla="*/ 0 h 714433"/>
                <a:gd name="connsiteX2" fmla="*/ 11856504 w 11856504"/>
                <a:gd name="connsiteY2" fmla="*/ 2996 h 714433"/>
                <a:gd name="connsiteX3" fmla="*/ 11856504 w 11856504"/>
                <a:gd name="connsiteY3" fmla="*/ 714433 h 714433"/>
                <a:gd name="connsiteX4" fmla="*/ 314324 w 11856504"/>
                <a:gd name="connsiteY4" fmla="*/ 714375 h 714433"/>
                <a:gd name="connsiteX5" fmla="*/ 44450 w 11856504"/>
                <a:gd name="connsiteY5" fmla="*/ 631883 h 714433"/>
                <a:gd name="connsiteX6" fmla="*/ 0 w 11856504"/>
                <a:gd name="connsiteY6" fmla="*/ 2996 h 714433"/>
                <a:gd name="connsiteX0" fmla="*/ 3175 w 11812054"/>
                <a:gd name="connsiteY0" fmla="*/ 79196 h 714433"/>
                <a:gd name="connsiteX1" fmla="*/ 209549 w 11812054"/>
                <a:gd name="connsiteY1" fmla="*/ 0 h 714433"/>
                <a:gd name="connsiteX2" fmla="*/ 11812054 w 11812054"/>
                <a:gd name="connsiteY2" fmla="*/ 2996 h 714433"/>
                <a:gd name="connsiteX3" fmla="*/ 11812054 w 11812054"/>
                <a:gd name="connsiteY3" fmla="*/ 714433 h 714433"/>
                <a:gd name="connsiteX4" fmla="*/ 269874 w 11812054"/>
                <a:gd name="connsiteY4" fmla="*/ 714375 h 714433"/>
                <a:gd name="connsiteX5" fmla="*/ 0 w 11812054"/>
                <a:gd name="connsiteY5" fmla="*/ 631883 h 714433"/>
                <a:gd name="connsiteX6" fmla="*/ 3175 w 11812054"/>
                <a:gd name="connsiteY6" fmla="*/ 79196 h 714433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</a:cxnLst>
              <a:rect l="l" t="t" r="r" b="b"/>
              <a:pathLst>
                <a:path w="11812054" h="714433">
                  <a:moveTo>
                    <a:pt x="3175" y="79196"/>
                  </a:moveTo>
                  <a:lnTo>
                    <a:pt x="209549" y="0"/>
                  </a:lnTo>
                  <a:lnTo>
                    <a:pt x="11812054" y="2996"/>
                  </a:lnTo>
                  <a:lnTo>
                    <a:pt x="11812054" y="714433"/>
                  </a:lnTo>
                  <a:lnTo>
                    <a:pt x="269874" y="714375"/>
                  </a:lnTo>
                  <a:lnTo>
                    <a:pt x="0" y="631883"/>
                  </a:lnTo>
                  <a:cubicBezTo>
                    <a:pt x="1058" y="447654"/>
                    <a:pt x="2117" y="263425"/>
                    <a:pt x="3175" y="79196"/>
                  </a:cubicBezTo>
                  <a:close/>
                </a:path>
              </a:pathLst>
            </a:custGeom>
            <a:solidFill>
              <a:srgbClr val="DDDDDD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anchor="ctr"/>
            <a:lstStyle/>
            <a:p>
              <a:pPr marL="594000"/>
              <a:r>
                <a:rPr lang="en-US" sz="2400" b="1" cap="all" dirty="0">
                  <a:solidFill>
                    <a:srgbClr val="009051"/>
                  </a:solidFill>
                  <a:latin typeface="Verdana" panose="020B0604030504040204" pitchFamily="34" charset="0"/>
                </a:rPr>
                <a:t>Poor risk management </a:t>
              </a:r>
            </a:p>
            <a:p>
              <a:pPr marL="594000"/>
              <a:r>
                <a:rPr lang="en-US" sz="1600" dirty="0">
                  <a:solidFill>
                    <a:srgbClr val="000000"/>
                  </a:solidFill>
                  <a:latin typeface="Verdana" panose="020B0604030504040204" pitchFamily="34" charset="0"/>
                </a:rPr>
                <a:t>Risk management remains poor with farmers dependent on natural forces for the success of their crops </a:t>
              </a:r>
            </a:p>
          </p:txBody>
        </p:sp>
        <p:sp>
          <p:nvSpPr>
            <p:cNvPr id="13" name="Freeform 10"/>
            <p:cNvSpPr>
              <a:spLocks noChangeAspect="1" noEditPoints="1"/>
            </p:cNvSpPr>
            <p:nvPr/>
          </p:nvSpPr>
          <p:spPr bwMode="auto">
            <a:xfrm>
              <a:off x="415543" y="5965646"/>
              <a:ext cx="556186" cy="711437"/>
            </a:xfrm>
            <a:custGeom>
              <a:avLst/>
              <a:gdLst>
                <a:gd name="T0" fmla="*/ 312 w 312"/>
                <a:gd name="T1" fmla="*/ 259 h 397"/>
                <a:gd name="T2" fmla="*/ 302 w 312"/>
                <a:gd name="T3" fmla="*/ 315 h 397"/>
                <a:gd name="T4" fmla="*/ 271 w 312"/>
                <a:gd name="T5" fmla="*/ 358 h 397"/>
                <a:gd name="T6" fmla="*/ 223 w 312"/>
                <a:gd name="T7" fmla="*/ 387 h 397"/>
                <a:gd name="T8" fmla="*/ 159 w 312"/>
                <a:gd name="T9" fmla="*/ 397 h 397"/>
                <a:gd name="T10" fmla="*/ 96 w 312"/>
                <a:gd name="T11" fmla="*/ 388 h 397"/>
                <a:gd name="T12" fmla="*/ 48 w 312"/>
                <a:gd name="T13" fmla="*/ 359 h 397"/>
                <a:gd name="T14" fmla="*/ 12 w 312"/>
                <a:gd name="T15" fmla="*/ 302 h 397"/>
                <a:gd name="T16" fmla="*/ 0 w 312"/>
                <a:gd name="T17" fmla="*/ 219 h 397"/>
                <a:gd name="T18" fmla="*/ 11 w 312"/>
                <a:gd name="T19" fmla="*/ 130 h 397"/>
                <a:gd name="T20" fmla="*/ 49 w 312"/>
                <a:gd name="T21" fmla="*/ 61 h 397"/>
                <a:gd name="T22" fmla="*/ 114 w 312"/>
                <a:gd name="T23" fmla="*/ 16 h 397"/>
                <a:gd name="T24" fmla="*/ 210 w 312"/>
                <a:gd name="T25" fmla="*/ 0 h 397"/>
                <a:gd name="T26" fmla="*/ 251 w 312"/>
                <a:gd name="T27" fmla="*/ 3 h 397"/>
                <a:gd name="T28" fmla="*/ 280 w 312"/>
                <a:gd name="T29" fmla="*/ 6 h 397"/>
                <a:gd name="T30" fmla="*/ 280 w 312"/>
                <a:gd name="T31" fmla="*/ 82 h 397"/>
                <a:gd name="T32" fmla="*/ 270 w 312"/>
                <a:gd name="T33" fmla="*/ 82 h 397"/>
                <a:gd name="T34" fmla="*/ 247 w 312"/>
                <a:gd name="T35" fmla="*/ 74 h 397"/>
                <a:gd name="T36" fmla="*/ 209 w 312"/>
                <a:gd name="T37" fmla="*/ 70 h 397"/>
                <a:gd name="T38" fmla="*/ 132 w 312"/>
                <a:gd name="T39" fmla="*/ 94 h 397"/>
                <a:gd name="T40" fmla="*/ 99 w 312"/>
                <a:gd name="T41" fmla="*/ 161 h 397"/>
                <a:gd name="T42" fmla="*/ 141 w 312"/>
                <a:gd name="T43" fmla="*/ 142 h 397"/>
                <a:gd name="T44" fmla="*/ 188 w 312"/>
                <a:gd name="T45" fmla="*/ 135 h 397"/>
                <a:gd name="T46" fmla="*/ 230 w 312"/>
                <a:gd name="T47" fmla="*/ 140 h 397"/>
                <a:gd name="T48" fmla="*/ 265 w 312"/>
                <a:gd name="T49" fmla="*/ 156 h 397"/>
                <a:gd name="T50" fmla="*/ 300 w 312"/>
                <a:gd name="T51" fmla="*/ 196 h 397"/>
                <a:gd name="T52" fmla="*/ 312 w 312"/>
                <a:gd name="T53" fmla="*/ 259 h 397"/>
                <a:gd name="T54" fmla="*/ 196 w 312"/>
                <a:gd name="T55" fmla="*/ 317 h 397"/>
                <a:gd name="T56" fmla="*/ 208 w 312"/>
                <a:gd name="T57" fmla="*/ 296 h 397"/>
                <a:gd name="T58" fmla="*/ 213 w 312"/>
                <a:gd name="T59" fmla="*/ 264 h 397"/>
                <a:gd name="T60" fmla="*/ 208 w 312"/>
                <a:gd name="T61" fmla="*/ 233 h 397"/>
                <a:gd name="T62" fmla="*/ 193 w 312"/>
                <a:gd name="T63" fmla="*/ 214 h 397"/>
                <a:gd name="T64" fmla="*/ 171 w 312"/>
                <a:gd name="T65" fmla="*/ 204 h 397"/>
                <a:gd name="T66" fmla="*/ 145 w 312"/>
                <a:gd name="T67" fmla="*/ 202 h 397"/>
                <a:gd name="T68" fmla="*/ 121 w 312"/>
                <a:gd name="T69" fmla="*/ 204 h 397"/>
                <a:gd name="T70" fmla="*/ 99 w 312"/>
                <a:gd name="T71" fmla="*/ 210 h 397"/>
                <a:gd name="T72" fmla="*/ 99 w 312"/>
                <a:gd name="T73" fmla="*/ 219 h 397"/>
                <a:gd name="T74" fmla="*/ 98 w 312"/>
                <a:gd name="T75" fmla="*/ 234 h 397"/>
                <a:gd name="T76" fmla="*/ 105 w 312"/>
                <a:gd name="T77" fmla="*/ 286 h 397"/>
                <a:gd name="T78" fmla="*/ 121 w 312"/>
                <a:gd name="T79" fmla="*/ 317 h 397"/>
                <a:gd name="T80" fmla="*/ 138 w 312"/>
                <a:gd name="T81" fmla="*/ 329 h 397"/>
                <a:gd name="T82" fmla="*/ 159 w 312"/>
                <a:gd name="T83" fmla="*/ 332 h 397"/>
                <a:gd name="T84" fmla="*/ 178 w 312"/>
                <a:gd name="T85" fmla="*/ 329 h 397"/>
                <a:gd name="T86" fmla="*/ 196 w 312"/>
                <a:gd name="T87" fmla="*/ 317 h 39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312" h="397">
                  <a:moveTo>
                    <a:pt x="312" y="259"/>
                  </a:moveTo>
                  <a:cubicBezTo>
                    <a:pt x="312" y="279"/>
                    <a:pt x="309" y="297"/>
                    <a:pt x="302" y="315"/>
                  </a:cubicBezTo>
                  <a:cubicBezTo>
                    <a:pt x="294" y="332"/>
                    <a:pt x="284" y="347"/>
                    <a:pt x="271" y="358"/>
                  </a:cubicBezTo>
                  <a:cubicBezTo>
                    <a:pt x="257" y="371"/>
                    <a:pt x="241" y="381"/>
                    <a:pt x="223" y="387"/>
                  </a:cubicBezTo>
                  <a:cubicBezTo>
                    <a:pt x="205" y="394"/>
                    <a:pt x="184" y="397"/>
                    <a:pt x="159" y="397"/>
                  </a:cubicBezTo>
                  <a:cubicBezTo>
                    <a:pt x="136" y="397"/>
                    <a:pt x="115" y="394"/>
                    <a:pt x="96" y="388"/>
                  </a:cubicBezTo>
                  <a:cubicBezTo>
                    <a:pt x="77" y="382"/>
                    <a:pt x="61" y="372"/>
                    <a:pt x="48" y="359"/>
                  </a:cubicBezTo>
                  <a:cubicBezTo>
                    <a:pt x="32" y="345"/>
                    <a:pt x="20" y="326"/>
                    <a:pt x="12" y="302"/>
                  </a:cubicBezTo>
                  <a:cubicBezTo>
                    <a:pt x="4" y="279"/>
                    <a:pt x="0" y="251"/>
                    <a:pt x="0" y="219"/>
                  </a:cubicBezTo>
                  <a:cubicBezTo>
                    <a:pt x="0" y="185"/>
                    <a:pt x="4" y="156"/>
                    <a:pt x="11" y="130"/>
                  </a:cubicBezTo>
                  <a:cubicBezTo>
                    <a:pt x="19" y="104"/>
                    <a:pt x="32" y="81"/>
                    <a:pt x="49" y="61"/>
                  </a:cubicBezTo>
                  <a:cubicBezTo>
                    <a:pt x="66" y="41"/>
                    <a:pt x="88" y="27"/>
                    <a:pt x="114" y="16"/>
                  </a:cubicBezTo>
                  <a:cubicBezTo>
                    <a:pt x="141" y="5"/>
                    <a:pt x="173" y="0"/>
                    <a:pt x="210" y="0"/>
                  </a:cubicBezTo>
                  <a:cubicBezTo>
                    <a:pt x="222" y="0"/>
                    <a:pt x="236" y="1"/>
                    <a:pt x="251" y="3"/>
                  </a:cubicBezTo>
                  <a:cubicBezTo>
                    <a:pt x="266" y="4"/>
                    <a:pt x="276" y="6"/>
                    <a:pt x="280" y="6"/>
                  </a:cubicBezTo>
                  <a:cubicBezTo>
                    <a:pt x="280" y="82"/>
                    <a:pt x="280" y="82"/>
                    <a:pt x="280" y="82"/>
                  </a:cubicBezTo>
                  <a:cubicBezTo>
                    <a:pt x="270" y="82"/>
                    <a:pt x="270" y="82"/>
                    <a:pt x="270" y="82"/>
                  </a:cubicBezTo>
                  <a:cubicBezTo>
                    <a:pt x="266" y="79"/>
                    <a:pt x="258" y="77"/>
                    <a:pt x="247" y="74"/>
                  </a:cubicBezTo>
                  <a:cubicBezTo>
                    <a:pt x="236" y="71"/>
                    <a:pt x="223" y="70"/>
                    <a:pt x="209" y="70"/>
                  </a:cubicBezTo>
                  <a:cubicBezTo>
                    <a:pt x="176" y="70"/>
                    <a:pt x="151" y="78"/>
                    <a:pt x="132" y="94"/>
                  </a:cubicBezTo>
                  <a:cubicBezTo>
                    <a:pt x="114" y="110"/>
                    <a:pt x="103" y="132"/>
                    <a:pt x="99" y="161"/>
                  </a:cubicBezTo>
                  <a:cubicBezTo>
                    <a:pt x="112" y="153"/>
                    <a:pt x="126" y="147"/>
                    <a:pt x="141" y="142"/>
                  </a:cubicBezTo>
                  <a:cubicBezTo>
                    <a:pt x="156" y="137"/>
                    <a:pt x="171" y="135"/>
                    <a:pt x="188" y="135"/>
                  </a:cubicBezTo>
                  <a:cubicBezTo>
                    <a:pt x="203" y="135"/>
                    <a:pt x="217" y="136"/>
                    <a:pt x="230" y="140"/>
                  </a:cubicBezTo>
                  <a:cubicBezTo>
                    <a:pt x="243" y="143"/>
                    <a:pt x="254" y="149"/>
                    <a:pt x="265" y="156"/>
                  </a:cubicBezTo>
                  <a:cubicBezTo>
                    <a:pt x="280" y="166"/>
                    <a:pt x="291" y="180"/>
                    <a:pt x="300" y="196"/>
                  </a:cubicBezTo>
                  <a:cubicBezTo>
                    <a:pt x="308" y="213"/>
                    <a:pt x="312" y="234"/>
                    <a:pt x="312" y="259"/>
                  </a:cubicBezTo>
                  <a:close/>
                  <a:moveTo>
                    <a:pt x="196" y="317"/>
                  </a:moveTo>
                  <a:cubicBezTo>
                    <a:pt x="201" y="311"/>
                    <a:pt x="205" y="304"/>
                    <a:pt x="208" y="296"/>
                  </a:cubicBezTo>
                  <a:cubicBezTo>
                    <a:pt x="211" y="288"/>
                    <a:pt x="213" y="278"/>
                    <a:pt x="213" y="264"/>
                  </a:cubicBezTo>
                  <a:cubicBezTo>
                    <a:pt x="213" y="251"/>
                    <a:pt x="211" y="241"/>
                    <a:pt x="208" y="233"/>
                  </a:cubicBezTo>
                  <a:cubicBezTo>
                    <a:pt x="204" y="225"/>
                    <a:pt x="199" y="219"/>
                    <a:pt x="193" y="214"/>
                  </a:cubicBezTo>
                  <a:cubicBezTo>
                    <a:pt x="187" y="209"/>
                    <a:pt x="179" y="206"/>
                    <a:pt x="171" y="204"/>
                  </a:cubicBezTo>
                  <a:cubicBezTo>
                    <a:pt x="163" y="202"/>
                    <a:pt x="154" y="202"/>
                    <a:pt x="145" y="202"/>
                  </a:cubicBezTo>
                  <a:cubicBezTo>
                    <a:pt x="137" y="202"/>
                    <a:pt x="130" y="202"/>
                    <a:pt x="121" y="204"/>
                  </a:cubicBezTo>
                  <a:cubicBezTo>
                    <a:pt x="113" y="206"/>
                    <a:pt x="106" y="208"/>
                    <a:pt x="99" y="210"/>
                  </a:cubicBezTo>
                  <a:cubicBezTo>
                    <a:pt x="99" y="212"/>
                    <a:pt x="99" y="215"/>
                    <a:pt x="99" y="219"/>
                  </a:cubicBezTo>
                  <a:cubicBezTo>
                    <a:pt x="98" y="223"/>
                    <a:pt x="98" y="228"/>
                    <a:pt x="98" y="234"/>
                  </a:cubicBezTo>
                  <a:cubicBezTo>
                    <a:pt x="98" y="255"/>
                    <a:pt x="100" y="272"/>
                    <a:pt x="105" y="286"/>
                  </a:cubicBezTo>
                  <a:cubicBezTo>
                    <a:pt x="109" y="299"/>
                    <a:pt x="114" y="310"/>
                    <a:pt x="121" y="317"/>
                  </a:cubicBezTo>
                  <a:cubicBezTo>
                    <a:pt x="126" y="322"/>
                    <a:pt x="132" y="326"/>
                    <a:pt x="138" y="329"/>
                  </a:cubicBezTo>
                  <a:cubicBezTo>
                    <a:pt x="145" y="331"/>
                    <a:pt x="152" y="332"/>
                    <a:pt x="159" y="332"/>
                  </a:cubicBezTo>
                  <a:cubicBezTo>
                    <a:pt x="165" y="332"/>
                    <a:pt x="171" y="331"/>
                    <a:pt x="178" y="329"/>
                  </a:cubicBezTo>
                  <a:cubicBezTo>
                    <a:pt x="185" y="326"/>
                    <a:pt x="191" y="322"/>
                    <a:pt x="196" y="317"/>
                  </a:cubicBezTo>
                  <a:close/>
                </a:path>
              </a:pathLst>
            </a:custGeom>
            <a:solidFill>
              <a:srgbClr val="00905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FFFFFF"/>
                </a:solidFill>
              </a:endParaRPr>
            </a:p>
          </p:txBody>
        </p:sp>
      </p:grpSp>
      <p:sp>
        <p:nvSpPr>
          <p:cNvPr id="25" name="Rectangle 24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26" name="Rectangle 25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648005873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500"/>
                                        <p:tgtEl>
                                          <p:spTgt spid="1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" dur="500"/>
                                        <p:tgtEl>
                                          <p:spTgt spid="2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7" dur="500"/>
                                        <p:tgtEl>
                                          <p:spTgt spid="21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8" fill="hold">
                      <p:stCondLst>
                        <p:cond delay="indefinite"/>
                      </p:stCondLst>
                      <p:childTnLst>
                        <p:par>
                          <p:cTn id="19" fill="hold">
                            <p:stCondLst>
                              <p:cond delay="0"/>
                            </p:stCondLst>
                            <p:childTnLst>
                              <p:par>
                                <p:cTn id="20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2" dur="500"/>
                                        <p:tgtEl>
                                          <p:spTgt spid="2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7" dur="500"/>
                                        <p:tgtEl>
                                          <p:spTgt spid="2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8" fill="hold">
                      <p:stCondLst>
                        <p:cond delay="indefinite"/>
                      </p:stCondLst>
                      <p:childTnLst>
                        <p:par>
                          <p:cTn id="29" fill="hold">
                            <p:stCondLst>
                              <p:cond delay="0"/>
                            </p:stCondLst>
                            <p:childTnLst>
                              <p:par>
                                <p:cTn id="30" presetID="10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2" dur="500"/>
                                        <p:tgtEl>
                                          <p:spTgt spid="2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4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1">
            <a:extLst>
              <a:ext uri="{FF2B5EF4-FFF2-40B4-BE49-F238E27FC236}">
                <a16:creationId xmlns:a16="http://schemas.microsoft.com/office/drawing/2014/main" id="{D5B1C0A7-38E7-4248-A5DE-0D739461F8F3}"/>
              </a:ext>
            </a:extLst>
          </p:cNvPr>
          <p:cNvSpPr txBox="1">
            <a:spLocks/>
          </p:cNvSpPr>
          <p:nvPr/>
        </p:nvSpPr>
        <p:spPr bwMode="gray">
          <a:xfrm>
            <a:off x="236498" y="308222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EXCEL MODEL for pilot - Working</a:t>
            </a:r>
          </a:p>
        </p:txBody>
      </p:sp>
      <p:graphicFrame>
        <p:nvGraphicFramePr>
          <p:cNvPr id="4" name="Table 3">
            <a:extLst>
              <a:ext uri="{FF2B5EF4-FFF2-40B4-BE49-F238E27FC236}">
                <a16:creationId xmlns:a16="http://schemas.microsoft.com/office/drawing/2014/main" id="{AA2625CF-9E01-4B58-94AD-8FAEB5C26F9E}"/>
              </a:ext>
            </a:extLst>
          </p:cNvPr>
          <p:cNvGraphicFramePr>
            <a:graphicFrameLocks noGrp="1"/>
          </p:cNvGraphicFramePr>
          <p:nvPr/>
        </p:nvGraphicFramePr>
        <p:xfrm>
          <a:off x="80383" y="1014760"/>
          <a:ext cx="12687769" cy="5616512"/>
        </p:xfrm>
        <a:graphic>
          <a:graphicData uri="http://schemas.openxmlformats.org/drawingml/2006/table">
            <a:tbl>
              <a:tblPr/>
              <a:tblGrid>
                <a:gridCol w="2323802">
                  <a:extLst>
                    <a:ext uri="{9D8B030D-6E8A-4147-A177-3AD203B41FA5}">
                      <a16:colId xmlns:a16="http://schemas.microsoft.com/office/drawing/2014/main" val="3433975759"/>
                    </a:ext>
                  </a:extLst>
                </a:gridCol>
                <a:gridCol w="960898">
                  <a:extLst>
                    <a:ext uri="{9D8B030D-6E8A-4147-A177-3AD203B41FA5}">
                      <a16:colId xmlns:a16="http://schemas.microsoft.com/office/drawing/2014/main" val="3422278671"/>
                    </a:ext>
                  </a:extLst>
                </a:gridCol>
                <a:gridCol w="1166805">
                  <a:extLst>
                    <a:ext uri="{9D8B030D-6E8A-4147-A177-3AD203B41FA5}">
                      <a16:colId xmlns:a16="http://schemas.microsoft.com/office/drawing/2014/main" val="3888510031"/>
                    </a:ext>
                  </a:extLst>
                </a:gridCol>
                <a:gridCol w="1029533">
                  <a:extLst>
                    <a:ext uri="{9D8B030D-6E8A-4147-A177-3AD203B41FA5}">
                      <a16:colId xmlns:a16="http://schemas.microsoft.com/office/drawing/2014/main" val="629394633"/>
                    </a:ext>
                  </a:extLst>
                </a:gridCol>
                <a:gridCol w="1029533">
                  <a:extLst>
                    <a:ext uri="{9D8B030D-6E8A-4147-A177-3AD203B41FA5}">
                      <a16:colId xmlns:a16="http://schemas.microsoft.com/office/drawing/2014/main" val="1711824683"/>
                    </a:ext>
                  </a:extLst>
                </a:gridCol>
                <a:gridCol w="1029533">
                  <a:extLst>
                    <a:ext uri="{9D8B030D-6E8A-4147-A177-3AD203B41FA5}">
                      <a16:colId xmlns:a16="http://schemas.microsoft.com/office/drawing/2014/main" val="4031012338"/>
                    </a:ext>
                  </a:extLst>
                </a:gridCol>
                <a:gridCol w="1029533">
                  <a:extLst>
                    <a:ext uri="{9D8B030D-6E8A-4147-A177-3AD203B41FA5}">
                      <a16:colId xmlns:a16="http://schemas.microsoft.com/office/drawing/2014/main" val="3739088263"/>
                    </a:ext>
                  </a:extLst>
                </a:gridCol>
                <a:gridCol w="1029533">
                  <a:extLst>
                    <a:ext uri="{9D8B030D-6E8A-4147-A177-3AD203B41FA5}">
                      <a16:colId xmlns:a16="http://schemas.microsoft.com/office/drawing/2014/main" val="1648450532"/>
                    </a:ext>
                  </a:extLst>
                </a:gridCol>
                <a:gridCol w="1029533">
                  <a:extLst>
                    <a:ext uri="{9D8B030D-6E8A-4147-A177-3AD203B41FA5}">
                      <a16:colId xmlns:a16="http://schemas.microsoft.com/office/drawing/2014/main" val="1014805351"/>
                    </a:ext>
                  </a:extLst>
                </a:gridCol>
                <a:gridCol w="1029533">
                  <a:extLst>
                    <a:ext uri="{9D8B030D-6E8A-4147-A177-3AD203B41FA5}">
                      <a16:colId xmlns:a16="http://schemas.microsoft.com/office/drawing/2014/main" val="1716299085"/>
                    </a:ext>
                  </a:extLst>
                </a:gridCol>
                <a:gridCol w="1029533">
                  <a:extLst>
                    <a:ext uri="{9D8B030D-6E8A-4147-A177-3AD203B41FA5}">
                      <a16:colId xmlns:a16="http://schemas.microsoft.com/office/drawing/2014/main" val="3344685689"/>
                    </a:ext>
                  </a:extLst>
                </a:gridCol>
              </a:tblGrid>
              <a:tr h="348003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1" i="0" u="none" strike="noStrike" dirty="0">
                          <a:solidFill>
                            <a:srgbClr val="FFFFFF"/>
                          </a:solidFill>
                          <a:effectLst/>
                          <a:latin typeface="+mn-lt"/>
                        </a:rPr>
                        <a:t>Period</a:t>
                      </a:r>
                    </a:p>
                  </a:txBody>
                  <a:tcPr marL="72000" marR="0" marT="0" marB="0" anchor="ctr">
                    <a:lnL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905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1" i="0" u="none" strike="noStrike" dirty="0">
                          <a:solidFill>
                            <a:srgbClr val="FFFFFF"/>
                          </a:solidFill>
                          <a:effectLst/>
                          <a:latin typeface="+mn-lt"/>
                        </a:rPr>
                        <a:t>1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905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1" i="0" u="none" strike="noStrike" dirty="0">
                          <a:solidFill>
                            <a:srgbClr val="FFFFFF"/>
                          </a:solidFill>
                          <a:effectLst/>
                          <a:latin typeface="+mn-lt"/>
                        </a:rPr>
                        <a:t>2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905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1" i="0" u="none" strike="noStrike">
                          <a:solidFill>
                            <a:srgbClr val="FFFFFF"/>
                          </a:solidFill>
                          <a:effectLst/>
                          <a:latin typeface="+mn-lt"/>
                        </a:rPr>
                        <a:t>3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905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1" i="0" u="none" strike="noStrike">
                          <a:solidFill>
                            <a:srgbClr val="FFFFFF"/>
                          </a:solidFill>
                          <a:effectLst/>
                          <a:latin typeface="+mn-lt"/>
                        </a:rPr>
                        <a:t>4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905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1" i="0" u="none" strike="noStrike">
                          <a:solidFill>
                            <a:srgbClr val="FFFFFF"/>
                          </a:solidFill>
                          <a:effectLst/>
                          <a:latin typeface="+mn-lt"/>
                        </a:rPr>
                        <a:t>5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905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1" i="0" u="none" strike="noStrike">
                          <a:solidFill>
                            <a:srgbClr val="FFFFFF"/>
                          </a:solidFill>
                          <a:effectLst/>
                          <a:latin typeface="+mn-lt"/>
                        </a:rPr>
                        <a:t>6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905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1" i="0" u="none" strike="noStrike">
                          <a:solidFill>
                            <a:srgbClr val="FFFFFF"/>
                          </a:solidFill>
                          <a:effectLst/>
                          <a:latin typeface="+mn-lt"/>
                        </a:rPr>
                        <a:t>7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905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1" i="0" u="none" strike="noStrike">
                          <a:solidFill>
                            <a:srgbClr val="FFFFFF"/>
                          </a:solidFill>
                          <a:effectLst/>
                          <a:latin typeface="+mn-lt"/>
                        </a:rPr>
                        <a:t>8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905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1" i="0" u="none" strike="noStrike">
                          <a:solidFill>
                            <a:srgbClr val="FFFFFF"/>
                          </a:solidFill>
                          <a:effectLst/>
                          <a:latin typeface="+mn-lt"/>
                        </a:rPr>
                        <a:t>9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905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b"/>
                      <a:r>
                        <a:rPr lang="en-IN" sz="1100" b="1" i="0" u="none" strike="noStrike" dirty="0">
                          <a:solidFill>
                            <a:srgbClr val="FFFFFF"/>
                          </a:solidFill>
                          <a:effectLst/>
                          <a:latin typeface="+mn-lt"/>
                        </a:rPr>
                        <a:t>10</a:t>
                      </a:r>
                    </a:p>
                  </a:txBody>
                  <a:tcPr marL="0" marR="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905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35782736"/>
                  </a:ext>
                </a:extLst>
              </a:tr>
              <a:tr h="348003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chemeClr val="bg2"/>
                          </a:solidFill>
                          <a:effectLst/>
                          <a:latin typeface="+mn-lt"/>
                        </a:rPr>
                        <a:t>Land rate (per acre)</a:t>
                      </a:r>
                    </a:p>
                  </a:txBody>
                  <a:tcPr marL="72000" marR="0" marT="0" marB="0" anchor="ctr">
                    <a:lnL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4,085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4,789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5,528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6,305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7,120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7,976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8,875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9,818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0,809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1,850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640826178"/>
                  </a:ext>
                </a:extLst>
              </a:tr>
              <a:tr h="348003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chemeClr val="bg2"/>
                          </a:solidFill>
                          <a:effectLst/>
                          <a:latin typeface="+mn-lt"/>
                        </a:rPr>
                        <a:t>Land Available (in acre)</a:t>
                      </a:r>
                    </a:p>
                  </a:txBody>
                  <a:tcPr marL="72000" marR="0" marT="0" marB="0" anchor="ctr">
                    <a:lnL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00.00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00.00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00.00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02.35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05.30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08.89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13.16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18.17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23.97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30.64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96776922"/>
                  </a:ext>
                </a:extLst>
              </a:tr>
              <a:tr h="348003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chemeClr val="bg2"/>
                          </a:solidFill>
                          <a:effectLst/>
                          <a:latin typeface="+mn-lt"/>
                        </a:rPr>
                        <a:t>Revenue</a:t>
                      </a:r>
                      <a:r>
                        <a:rPr lang="en-IN" sz="1100" b="0" i="0" u="none" strike="noStrike" baseline="30000" dirty="0">
                          <a:solidFill>
                            <a:schemeClr val="bg2"/>
                          </a:solidFill>
                          <a:effectLst/>
                          <a:latin typeface="+mn-lt"/>
                        </a:rPr>
                        <a:t>1</a:t>
                      </a:r>
                    </a:p>
                  </a:txBody>
                  <a:tcPr marL="72000" marR="0" marT="0" marB="0" anchor="ctr">
                    <a:lnL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2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</a:t>
                      </a:r>
                    </a:p>
                  </a:txBody>
                  <a:tcPr marL="0" marR="72000" marT="0" marB="0" anchor="ctr">
                    <a:lnL w="12700" cap="flat" cmpd="sng" algn="ctr">
                      <a:solidFill>
                        <a:schemeClr val="tx2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2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02,349</a:t>
                      </a:r>
                    </a:p>
                  </a:txBody>
                  <a:tcPr marL="0" marR="72000" marT="0" marB="0" anchor="ctr">
                    <a:lnL w="12700" cap="flat" cmpd="sng" algn="ctr">
                      <a:solidFill>
                        <a:schemeClr val="tx2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43,590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76,724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14,978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59,143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10,131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68,999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36,961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815,426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430219812"/>
                  </a:ext>
                </a:extLst>
              </a:tr>
              <a:tr h="348003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chemeClr val="bg2"/>
                          </a:solidFill>
                          <a:effectLst/>
                          <a:latin typeface="+mn-lt"/>
                        </a:rPr>
                        <a:t>Cost</a:t>
                      </a:r>
                      <a:r>
                        <a:rPr lang="en-IN" sz="1100" b="0" i="0" u="none" strike="noStrike" baseline="30000" dirty="0">
                          <a:solidFill>
                            <a:schemeClr val="bg2"/>
                          </a:solidFill>
                          <a:effectLst/>
                          <a:latin typeface="+mn-lt"/>
                        </a:rPr>
                        <a:t>1</a:t>
                      </a:r>
                    </a:p>
                  </a:txBody>
                  <a:tcPr marL="72000" marR="0" marT="0" marB="0" anchor="ctr">
                    <a:lnL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2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1,613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4,854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7,457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0,463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3,933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47,939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2,564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7,904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4,069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11097449"/>
                  </a:ext>
                </a:extLst>
              </a:tr>
              <a:tr h="348003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chemeClr val="bg2"/>
                          </a:solidFill>
                          <a:effectLst/>
                          <a:latin typeface="+mn-lt"/>
                        </a:rPr>
                        <a:t> </a:t>
                      </a:r>
                    </a:p>
                  </a:txBody>
                  <a:tcPr marL="72000" marR="0" marT="0" marB="0" anchor="ctr">
                    <a:lnL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 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009541404"/>
                  </a:ext>
                </a:extLst>
              </a:tr>
              <a:tr h="348003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chemeClr val="bg2"/>
                          </a:solidFill>
                          <a:effectLst/>
                          <a:latin typeface="+mn-lt"/>
                        </a:rPr>
                        <a:t>Farmer Salary</a:t>
                      </a:r>
                      <a:endParaRPr lang="en-IN" sz="1100" b="0" i="0" u="none" strike="noStrike" baseline="30000" dirty="0">
                        <a:solidFill>
                          <a:schemeClr val="bg2"/>
                        </a:solidFill>
                        <a:effectLst/>
                        <a:latin typeface="+mn-lt"/>
                      </a:endParaRPr>
                    </a:p>
                  </a:txBody>
                  <a:tcPr marL="72000" marR="0" marT="0" marB="0" anchor="ctr">
                    <a:lnL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96,127                                  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00,933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08,472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17,177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27,226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38,827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52,222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67,686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85,539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402171452"/>
                  </a:ext>
                </a:extLst>
              </a:tr>
              <a:tr h="360119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chemeClr val="bg2"/>
                          </a:solidFill>
                          <a:effectLst/>
                          <a:latin typeface="+mn-lt"/>
                        </a:rPr>
                        <a:t>Farmer investment Fund</a:t>
                      </a:r>
                    </a:p>
                  </a:txBody>
                  <a:tcPr marL="72000" marR="0" marT="0" marB="0" anchor="ctr">
                    <a:lnL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                                0   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8,181                                  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2,113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6,752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2,109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8,293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85,432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93,675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03,191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14,178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9769752"/>
                  </a:ext>
                </a:extLst>
              </a:tr>
              <a:tr h="360119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chemeClr val="bg2"/>
                          </a:solidFill>
                          <a:effectLst/>
                          <a:latin typeface="+mn-lt"/>
                        </a:rPr>
                        <a:t>Investment Return</a:t>
                      </a:r>
                    </a:p>
                  </a:txBody>
                  <a:tcPr marL="72000" marR="0" marT="0" marB="0" anchor="ctr">
                    <a:lnL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                                0   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23,944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23,944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23,944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23,944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23,944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23,944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23,944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23,944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23,944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644567655"/>
                  </a:ext>
                </a:extLst>
              </a:tr>
              <a:tr h="360119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chemeClr val="bg2"/>
                          </a:solidFill>
                          <a:effectLst/>
                          <a:latin typeface="+mn-lt"/>
                        </a:rPr>
                        <a:t>Selling and Distribution</a:t>
                      </a:r>
                    </a:p>
                  </a:txBody>
                  <a:tcPr marL="72000" marR="0" marT="0" marB="0" anchor="ctr">
                    <a:lnL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                          9,580 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                                10,059 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1,090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1,918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2,874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3,979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5,253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6,725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8,424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0,386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556389924"/>
                  </a:ext>
                </a:extLst>
              </a:tr>
              <a:tr h="360119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chemeClr val="bg2"/>
                          </a:solidFill>
                          <a:effectLst/>
                          <a:latin typeface="+mn-lt"/>
                        </a:rPr>
                        <a:t>Management Fee</a:t>
                      </a:r>
                    </a:p>
                  </a:txBody>
                  <a:tcPr marL="72000" marR="0" marT="0" marB="0" anchor="ctr">
                    <a:lnL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                       49,296 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                                51,761 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4,349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8,408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3,095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8,506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4,753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81,966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90,292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99,906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755057681"/>
                  </a:ext>
                </a:extLst>
              </a:tr>
              <a:tr h="348003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0" i="0" u="none" strike="noStrike" dirty="0">
                          <a:solidFill>
                            <a:schemeClr val="bg2"/>
                          </a:solidFill>
                          <a:effectLst/>
                          <a:latin typeface="+mn-lt"/>
                        </a:rPr>
                        <a:t>Community Development Cost</a:t>
                      </a:r>
                    </a:p>
                  </a:txBody>
                  <a:tcPr marL="72000" marR="0" marT="0" marB="0" anchor="ctr">
                    <a:lnL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,211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,675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,211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,829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8,543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9,367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0,319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1,418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86424414"/>
                  </a:ext>
                </a:extLst>
              </a:tr>
              <a:tr h="348003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0" i="0" u="none" strike="noStrike" dirty="0">
                          <a:solidFill>
                            <a:schemeClr val="bg2"/>
                          </a:solidFill>
                          <a:effectLst/>
                          <a:latin typeface="+mn-lt"/>
                        </a:rPr>
                        <a:t>Working Capital Loan interest</a:t>
                      </a:r>
                    </a:p>
                  </a:txBody>
                  <a:tcPr marL="72000" marR="0" marT="0" marB="0" anchor="ctr">
                    <a:lnL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5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766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1,024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1,750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2,628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3,641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4,811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6,162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7,721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9,521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0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21,600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033684968"/>
                  </a:ext>
                </a:extLst>
              </a:tr>
              <a:tr h="348003">
                <a:tc>
                  <a:txBody>
                    <a:bodyPr/>
                    <a:lstStyle/>
                    <a:p>
                      <a:pPr algn="l" fontAlgn="b"/>
                      <a:r>
                        <a:rPr lang="en-IN" sz="1100" b="1" i="0" u="none" strike="noStrike" dirty="0">
                          <a:solidFill>
                            <a:schemeClr val="bg2"/>
                          </a:solidFill>
                          <a:effectLst/>
                          <a:latin typeface="+mn-lt"/>
                        </a:rPr>
                        <a:t>Surplus</a:t>
                      </a:r>
                    </a:p>
                  </a:txBody>
                  <a:tcPr marL="72000" marR="0" marT="0" marB="0" anchor="ctr">
                    <a:lnL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905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-59,642                        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E2D3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0                                            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E2D3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38,347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E2D3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50,470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E2D3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64,465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E2D3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80,623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E2D3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99,278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E2D3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20,815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E2D3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45,680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E2D3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IN" sz="1100" b="1" i="0" u="none" strike="noStrike" dirty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174,387</a:t>
                      </a:r>
                    </a:p>
                  </a:txBody>
                  <a:tcPr marL="0" marR="72000" marT="0" marB="0" anchor="ctr">
                    <a:lnL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E2D3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74876510"/>
                  </a:ext>
                </a:extLst>
              </a:tr>
              <a:tr h="348003">
                <a:tc>
                  <a:txBody>
                    <a:bodyPr/>
                    <a:lstStyle/>
                    <a:p>
                      <a:pPr algn="l" fontAlgn="b"/>
                      <a:endParaRPr lang="en-IN" sz="1100" b="0" i="0" u="none" strike="noStrike" dirty="0">
                        <a:solidFill>
                          <a:schemeClr val="bg2"/>
                        </a:solidFill>
                        <a:effectLst/>
                        <a:latin typeface="+mn-lt"/>
                      </a:endParaRPr>
                    </a:p>
                  </a:txBody>
                  <a:tcPr marL="72000" marR="0" marT="0" marB="0" anchor="ctr">
                    <a:lnL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algn="r" rtl="0" eaLnBrk="1" fontAlgn="b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en-IN" sz="1800" b="0" i="0" u="none" strike="noStrike" dirty="0"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7200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rtl="0" eaLnBrk="1" fontAlgn="b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en-IN" sz="1800" b="0" i="0" u="none" strike="noStrike"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7200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rtl="0" eaLnBrk="1" fontAlgn="b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en-IN" sz="1800" b="0" i="0" u="none" strike="noStrike"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7200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rtl="0" eaLnBrk="1" fontAlgn="b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en-IN" sz="1800" b="0" i="0" u="none" strike="noStrike"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7200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rtl="0" eaLnBrk="1" fontAlgn="b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en-IN" sz="1800" b="0" i="0" u="none" strike="noStrike"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7200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rtl="0" eaLnBrk="1" fontAlgn="b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en-IN" sz="1800" b="0" i="0" u="none" strike="noStrike"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7200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rtl="0" eaLnBrk="1" fontAlgn="b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en-IN" sz="1800" b="0" i="0" u="none" strike="noStrike" dirty="0"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7200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rtl="0" eaLnBrk="1" fontAlgn="b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en-IN" sz="1800" b="0" i="0" u="none" strike="noStrike"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7200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rtl="0" eaLnBrk="1" fontAlgn="b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en-IN" sz="1800" b="0" i="0" u="none" strike="noStrike" dirty="0"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7200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algn="r" rtl="0" eaLnBrk="1" fontAlgn="b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en-IN" sz="1800" b="0" i="0" u="none" strike="noStrike"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72000" marT="0" marB="0" anchor="ctr">
                    <a:lnL>
                      <a:noFill/>
                    </a:lnL>
                    <a:lnR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039433361"/>
                  </a:ext>
                </a:extLst>
              </a:tr>
              <a:tr h="348003">
                <a:tc>
                  <a:txBody>
                    <a:bodyPr/>
                    <a:lstStyle/>
                    <a:p>
                      <a:pPr algn="l" fontAlgn="b"/>
                      <a:r>
                        <a:rPr lang="en-US" sz="1100" b="1" i="0" u="none" strike="noStrike" dirty="0">
                          <a:solidFill>
                            <a:schemeClr val="bg2"/>
                          </a:solidFill>
                          <a:effectLst/>
                          <a:latin typeface="+mn-lt"/>
                        </a:rPr>
                        <a:t>Total investor Return </a:t>
                      </a:r>
                    </a:p>
                  </a:txBody>
                  <a:tcPr marL="72000" marR="0" marT="0" marB="0" anchor="ctr">
                    <a:lnL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905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81334" rtl="0" eaLnBrk="1" fontAlgn="b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100" b="1" i="0" u="none" strike="noStrike" kern="1200" dirty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- </a:t>
                      </a:r>
                    </a:p>
                  </a:txBody>
                  <a:tcPr marL="0" marR="7200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E2D3"/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81334" rtl="0" eaLnBrk="1" fontAlgn="b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100" b="1" i="0" u="none" strike="noStrike" kern="120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3%</a:t>
                      </a:r>
                    </a:p>
                  </a:txBody>
                  <a:tcPr marL="0" marR="7200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E2D3"/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81334" rtl="0" eaLnBrk="1" fontAlgn="b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100" b="1" i="0" u="none" strike="noStrike" kern="1200" dirty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7%</a:t>
                      </a:r>
                    </a:p>
                  </a:txBody>
                  <a:tcPr marL="0" marR="7200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E2D3"/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81334" rtl="0" eaLnBrk="1" fontAlgn="b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100" b="1" i="0" u="none" strike="noStrike" kern="1200" dirty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9%</a:t>
                      </a:r>
                    </a:p>
                  </a:txBody>
                  <a:tcPr marL="0" marR="7200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E2D3"/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81334" rtl="0" eaLnBrk="1" fontAlgn="b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100" b="1" i="0" u="none" strike="noStrike" kern="1200" dirty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11%</a:t>
                      </a:r>
                    </a:p>
                  </a:txBody>
                  <a:tcPr marL="0" marR="7200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E2D3"/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81334" rtl="0" eaLnBrk="1" fontAlgn="b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100" b="1" i="0" u="none" strike="noStrike" kern="1200" dirty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12%</a:t>
                      </a:r>
                    </a:p>
                  </a:txBody>
                  <a:tcPr marL="0" marR="7200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E2D3"/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81334" rtl="0" eaLnBrk="1" fontAlgn="b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100" b="1" i="0" u="none" strike="noStrike" kern="1200" dirty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12%</a:t>
                      </a:r>
                    </a:p>
                  </a:txBody>
                  <a:tcPr marL="0" marR="7200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E2D3"/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81334" rtl="0" eaLnBrk="1" fontAlgn="b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100" b="1" i="0" u="none" strike="noStrike" kern="1200" dirty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13%</a:t>
                      </a:r>
                    </a:p>
                  </a:txBody>
                  <a:tcPr marL="0" marR="7200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E2D3"/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81334" rtl="0" eaLnBrk="1" fontAlgn="b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100" b="1" i="0" u="none" strike="noStrike" kern="1200" dirty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14%</a:t>
                      </a:r>
                    </a:p>
                  </a:txBody>
                  <a:tcPr marL="0" marR="7200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E2D3"/>
                    </a:solidFill>
                  </a:tcPr>
                </a:tc>
                <a:tc>
                  <a:txBody>
                    <a:bodyPr/>
                    <a:lstStyle/>
                    <a:p>
                      <a:pPr marL="0" algn="r" defTabSz="981334" rtl="0" eaLnBrk="1" fontAlgn="b" latinLnBrk="0" hangingPunct="1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100" b="1" i="0" u="none" strike="noStrike" kern="1200" dirty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14%</a:t>
                      </a:r>
                    </a:p>
                  </a:txBody>
                  <a:tcPr marL="0" marR="72000" marT="0" marB="0" anchor="ctr">
                    <a:lnL w="1270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solidFill>
                        <a:srgbClr val="D9D9D9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E2D3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231386367"/>
                  </a:ext>
                </a:extLst>
              </a:tr>
            </a:tbl>
          </a:graphicData>
        </a:graphic>
      </p:graphicFrame>
      <p:sp>
        <p:nvSpPr>
          <p:cNvPr id="6" name="Rectangle 5"/>
          <p:cNvSpPr/>
          <p:nvPr/>
        </p:nvSpPr>
        <p:spPr>
          <a:xfrm>
            <a:off x="0" y="7159936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8" name="Rectangle 7"/>
          <p:cNvSpPr/>
          <p:nvPr/>
        </p:nvSpPr>
        <p:spPr>
          <a:xfrm>
            <a:off x="0" y="9663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54D5DE2C-B599-452B-A9D8-4424CBE5EF54}"/>
              </a:ext>
            </a:extLst>
          </p:cNvPr>
          <p:cNvSpPr txBox="1"/>
          <p:nvPr/>
        </p:nvSpPr>
        <p:spPr>
          <a:xfrm flipH="1">
            <a:off x="236497" y="6720755"/>
            <a:ext cx="5390593" cy="349702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IN" sz="900" i="1" dirty="0"/>
              <a:t>All numbers are in USD</a:t>
            </a:r>
            <a:endParaRPr lang="en-IN" sz="900" i="1" dirty="0">
              <a:solidFill>
                <a:srgbClr val="000000"/>
              </a:solidFill>
              <a:latin typeface="Verdana" panose="020B0604030504040204" pitchFamily="34" charset="0"/>
            </a:endParaRPr>
          </a:p>
          <a:p>
            <a:r>
              <a:rPr lang="en-IN" sz="900" i="1" dirty="0">
                <a:solidFill>
                  <a:srgbClr val="000000"/>
                </a:solidFill>
                <a:latin typeface="Verdana" panose="020B0604030504040204" pitchFamily="34" charset="0"/>
              </a:rPr>
              <a:t>Numbers are based on average investor return for share Class A and B</a:t>
            </a:r>
          </a:p>
        </p:txBody>
      </p:sp>
    </p:spTree>
    <p:extLst>
      <p:ext uri="{BB962C8B-B14F-4D97-AF65-F5344CB8AC3E}">
        <p14:creationId xmlns:p14="http://schemas.microsoft.com/office/powerpoint/2010/main" val="2886084908"/>
      </p:ext>
    </p:extLst>
  </p:cSld>
  <p:clrMapOvr>
    <a:masterClrMapping/>
  </p:clrMapOvr>
</p:sld>
</file>

<file path=ppt/slides/slide4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1">
            <a:extLst>
              <a:ext uri="{FF2B5EF4-FFF2-40B4-BE49-F238E27FC236}">
                <a16:creationId xmlns:a16="http://schemas.microsoft.com/office/drawing/2014/main" id="{D5B1C0A7-38E7-4248-A5DE-0D739461F8F3}"/>
              </a:ext>
            </a:extLst>
          </p:cNvPr>
          <p:cNvSpPr txBox="1">
            <a:spLocks/>
          </p:cNvSpPr>
          <p:nvPr/>
        </p:nvSpPr>
        <p:spPr bwMode="gray">
          <a:xfrm>
            <a:off x="236498" y="308222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Yearly Break-up of Revenue received by the FUND for pilot phase</a:t>
            </a:r>
          </a:p>
        </p:txBody>
      </p:sp>
      <p:sp>
        <p:nvSpPr>
          <p:cNvPr id="4" name="Rectangle 3"/>
          <p:cNvSpPr/>
          <p:nvPr/>
        </p:nvSpPr>
        <p:spPr>
          <a:xfrm>
            <a:off x="0" y="7159936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0" y="9663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graphicFrame>
        <p:nvGraphicFramePr>
          <p:cNvPr id="8" name="Chart 7">
            <a:extLst>
              <a:ext uri="{FF2B5EF4-FFF2-40B4-BE49-F238E27FC236}">
                <a16:creationId xmlns:a16="http://schemas.microsoft.com/office/drawing/2014/main" id="{5E46270C-BD93-482E-BD79-018C8E69FE19}"/>
              </a:ext>
            </a:extLst>
          </p:cNvPr>
          <p:cNvGraphicFramePr>
            <a:graphicFrameLocks/>
          </p:cNvGraphicFramePr>
          <p:nvPr/>
        </p:nvGraphicFramePr>
        <p:xfrm>
          <a:off x="372206" y="1674843"/>
          <a:ext cx="11882984" cy="4395273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2"/>
          </a:graphicData>
        </a:graphic>
      </p:graphicFrame>
    </p:spTree>
    <p:extLst>
      <p:ext uri="{BB962C8B-B14F-4D97-AF65-F5344CB8AC3E}">
        <p14:creationId xmlns:p14="http://schemas.microsoft.com/office/powerpoint/2010/main" val="466564323"/>
      </p:ext>
    </p:extLst>
  </p:cSld>
  <p:clrMapOvr>
    <a:masterClrMapping/>
  </p:clrMapOvr>
</p:sld>
</file>

<file path=ppt/slides/slide4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1">
            <a:extLst>
              <a:ext uri="{FF2B5EF4-FFF2-40B4-BE49-F238E27FC236}">
                <a16:creationId xmlns:a16="http://schemas.microsoft.com/office/drawing/2014/main" id="{D5B1C0A7-38E7-4248-A5DE-0D739461F8F3}"/>
              </a:ext>
            </a:extLst>
          </p:cNvPr>
          <p:cNvSpPr txBox="1">
            <a:spLocks/>
          </p:cNvSpPr>
          <p:nvPr/>
        </p:nvSpPr>
        <p:spPr bwMode="gray">
          <a:xfrm>
            <a:off x="236498" y="308222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10 year Investor return increases by 3PP if land acquisition price reduces by ~15%</a:t>
            </a:r>
          </a:p>
        </p:txBody>
      </p:sp>
      <p:sp>
        <p:nvSpPr>
          <p:cNvPr id="33" name="Rectangle 32">
            <a:extLst>
              <a:ext uri="{FF2B5EF4-FFF2-40B4-BE49-F238E27FC236}">
                <a16:creationId xmlns:a16="http://schemas.microsoft.com/office/drawing/2014/main" id="{9267BE8C-B43C-41A4-9B7B-D02B0B883BB3}"/>
              </a:ext>
            </a:extLst>
          </p:cNvPr>
          <p:cNvSpPr/>
          <p:nvPr/>
        </p:nvSpPr>
        <p:spPr>
          <a:xfrm>
            <a:off x="236498" y="5824654"/>
            <a:ext cx="12330926" cy="985686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600" dirty="0">
                <a:solidFill>
                  <a:srgbClr val="000000"/>
                </a:solidFill>
              </a:rPr>
              <a:t>A decrease in Land Acquisition Price positively affects the investor returns. However, an increase in the Land Acquisition Price impacts the investor returns by a lesser magnitude. </a:t>
            </a:r>
          </a:p>
        </p:txBody>
      </p:sp>
      <p:sp>
        <p:nvSpPr>
          <p:cNvPr id="6" name="Rectangle 5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7" name="Rectangle 6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graphicFrame>
        <p:nvGraphicFramePr>
          <p:cNvPr id="9" name="Chart 8">
            <a:extLst>
              <a:ext uri="{FF2B5EF4-FFF2-40B4-BE49-F238E27FC236}">
                <a16:creationId xmlns:a16="http://schemas.microsoft.com/office/drawing/2014/main" id="{00000000-0008-0000-0000-000002000000}"/>
              </a:ext>
            </a:extLst>
          </p:cNvPr>
          <p:cNvGraphicFramePr>
            <a:graphicFrameLocks/>
          </p:cNvGraphicFramePr>
          <p:nvPr/>
        </p:nvGraphicFramePr>
        <p:xfrm>
          <a:off x="285515" y="1525658"/>
          <a:ext cx="12181548" cy="4049952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</p:spTree>
    <p:extLst>
      <p:ext uri="{BB962C8B-B14F-4D97-AF65-F5344CB8AC3E}">
        <p14:creationId xmlns:p14="http://schemas.microsoft.com/office/powerpoint/2010/main" val="231149388"/>
      </p:ext>
    </p:extLst>
  </p:cSld>
  <p:clrMapOvr>
    <a:masterClrMapping/>
  </p:clrMapOvr>
</p:sld>
</file>

<file path=ppt/slides/slide4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>
            <a:extLst>
              <a:ext uri="{FF2B5EF4-FFF2-40B4-BE49-F238E27FC236}">
                <a16:creationId xmlns:a16="http://schemas.microsoft.com/office/drawing/2014/main" id="{9BE27EC6-FB36-1048-893F-B5D205CCA89A}"/>
              </a:ext>
            </a:extLst>
          </p:cNvPr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cxnSp>
        <p:nvCxnSpPr>
          <p:cNvPr id="3" name="Straight Connector 2">
            <a:extLst>
              <a:ext uri="{FF2B5EF4-FFF2-40B4-BE49-F238E27FC236}">
                <a16:creationId xmlns:a16="http://schemas.microsoft.com/office/drawing/2014/main" id="{BAE41729-3757-3E41-A95D-5AF00BB69F87}"/>
              </a:ext>
            </a:extLst>
          </p:cNvPr>
          <p:cNvCxnSpPr/>
          <p:nvPr/>
        </p:nvCxnSpPr>
        <p:spPr>
          <a:xfrm>
            <a:off x="0" y="7201237"/>
            <a:ext cx="12841288" cy="0"/>
          </a:xfrm>
          <a:prstGeom prst="line">
            <a:avLst/>
          </a:prstGeom>
          <a:ln w="57150">
            <a:solidFill>
              <a:srgbClr val="00905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" name="Title 1">
            <a:extLst>
              <a:ext uri="{FF2B5EF4-FFF2-40B4-BE49-F238E27FC236}">
                <a16:creationId xmlns:a16="http://schemas.microsoft.com/office/drawing/2014/main" id="{F20D6AEB-EBDF-0A4C-B71D-CB6FF3600A9A}"/>
              </a:ext>
            </a:extLst>
          </p:cNvPr>
          <p:cNvSpPr txBox="1">
            <a:spLocks/>
          </p:cNvSpPr>
          <p:nvPr/>
        </p:nvSpPr>
        <p:spPr bwMode="gray">
          <a:xfrm>
            <a:off x="236498" y="178479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Ramesh </a:t>
            </a:r>
            <a:r>
              <a:rPr lang="en-US" sz="3300" b="1" dirty="0" err="1">
                <a:solidFill>
                  <a:srgbClr val="009051"/>
                </a:solidFill>
              </a:rPr>
              <a:t>Verma</a:t>
            </a:r>
            <a:r>
              <a:rPr lang="en-US" sz="3300" b="1" dirty="0">
                <a:solidFill>
                  <a:srgbClr val="009051"/>
                </a:solidFill>
              </a:rPr>
              <a:t>: Success story of an Indian farmer</a:t>
            </a:r>
            <a:endParaRPr lang="en-US" sz="2400" b="1" dirty="0">
              <a:solidFill>
                <a:srgbClr val="009051"/>
              </a:solidFill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429659" y="2599979"/>
            <a:ext cx="2214390" cy="991518"/>
          </a:xfrm>
          <a:prstGeom prst="rect">
            <a:avLst/>
          </a:prstGeom>
          <a:solidFill>
            <a:srgbClr val="009051">
              <a:alpha val="80000"/>
            </a:srgb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r>
              <a:rPr lang="en-IN" sz="2000" b="1" dirty="0">
                <a:solidFill>
                  <a:schemeClr val="bg2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nitial Situation</a:t>
            </a:r>
          </a:p>
        </p:txBody>
      </p:sp>
      <p:sp>
        <p:nvSpPr>
          <p:cNvPr id="6" name="Rectangle 5"/>
          <p:cNvSpPr/>
          <p:nvPr/>
        </p:nvSpPr>
        <p:spPr>
          <a:xfrm>
            <a:off x="3740227" y="2599979"/>
            <a:ext cx="2049137" cy="991518"/>
          </a:xfrm>
          <a:prstGeom prst="rect">
            <a:avLst/>
          </a:prstGeom>
          <a:solidFill>
            <a:srgbClr val="009051">
              <a:alpha val="80000"/>
            </a:srgb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r>
              <a:rPr lang="en-IN" sz="2000" b="1" dirty="0">
                <a:solidFill>
                  <a:schemeClr val="bg2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earch for better returns</a:t>
            </a:r>
          </a:p>
        </p:txBody>
      </p:sp>
      <p:sp>
        <p:nvSpPr>
          <p:cNvPr id="7" name="Rectangle 6"/>
          <p:cNvSpPr/>
          <p:nvPr/>
        </p:nvSpPr>
        <p:spPr>
          <a:xfrm>
            <a:off x="6885543" y="2599979"/>
            <a:ext cx="2049137" cy="991518"/>
          </a:xfrm>
          <a:prstGeom prst="rect">
            <a:avLst/>
          </a:prstGeom>
          <a:solidFill>
            <a:srgbClr val="009051">
              <a:alpha val="80000"/>
            </a:srgb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r>
              <a:rPr lang="en-IN" sz="2000" b="1" dirty="0">
                <a:solidFill>
                  <a:schemeClr val="bg2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ransition to exotic crops</a:t>
            </a:r>
          </a:p>
        </p:txBody>
      </p:sp>
      <p:sp>
        <p:nvSpPr>
          <p:cNvPr id="8" name="Rectangle 7"/>
          <p:cNvSpPr/>
          <p:nvPr/>
        </p:nvSpPr>
        <p:spPr>
          <a:xfrm>
            <a:off x="10030858" y="2599979"/>
            <a:ext cx="2049137" cy="991518"/>
          </a:xfrm>
          <a:prstGeom prst="rect">
            <a:avLst/>
          </a:prstGeom>
          <a:solidFill>
            <a:srgbClr val="009051">
              <a:alpha val="80000"/>
            </a:srgb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r>
              <a:rPr lang="en-IN" sz="2000" b="1" dirty="0">
                <a:solidFill>
                  <a:schemeClr val="bg2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urrent </a:t>
            </a:r>
          </a:p>
          <a:p>
            <a:pPr algn="ctr"/>
            <a:r>
              <a:rPr lang="en-IN" sz="2000" b="1" dirty="0">
                <a:solidFill>
                  <a:schemeClr val="bg2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Returns</a:t>
            </a: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>
          <a:blip r:embed="rId2">
            <a:extLst>
              <a:ext uri="{BEBA8EAE-BF5A-486C-A8C5-ECC9F3942E4B}">
                <a14:imgProps xmlns:a14="http://schemas.microsoft.com/office/drawing/2010/main">
                  <a14:imgLayer r:embed="rId3">
                    <a14:imgEffect>
                      <a14:saturation sat="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41920" y="1162963"/>
            <a:ext cx="1789867" cy="1388552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2881" b="13761"/>
          <a:stretch/>
        </p:blipFill>
        <p:spPr>
          <a:xfrm>
            <a:off x="3943667" y="1218696"/>
            <a:ext cx="1399513" cy="1242727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4310" b="16238"/>
          <a:stretch/>
        </p:blipFill>
        <p:spPr>
          <a:xfrm>
            <a:off x="7102342" y="1213737"/>
            <a:ext cx="1545900" cy="1353194"/>
          </a:xfrm>
          <a:prstGeom prst="rect">
            <a:avLst/>
          </a:prstGeom>
        </p:spPr>
      </p:pic>
      <p:pic>
        <p:nvPicPr>
          <p:cNvPr id="1026" name="Picture 2" descr="https://static.thenounproject.com/png/3213858-200.png"/>
          <p:cNvPicPr>
            <a:picLocks noChangeAspect="1" noChangeArrowheads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692926" y="1370755"/>
            <a:ext cx="1090668" cy="1090668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TextBox 11"/>
          <p:cNvSpPr txBox="1"/>
          <p:nvPr/>
        </p:nvSpPr>
        <p:spPr>
          <a:xfrm>
            <a:off x="506777" y="3866920"/>
            <a:ext cx="2137272" cy="2842692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IN" sz="1500" dirty="0"/>
              <a:t>Small farmer in Lucknow, with marginal landholding (0.5 ha)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IN" sz="1500" dirty="0"/>
              <a:t>Earlier cultivated only crops like rice and wheat with his father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IN" sz="1500" dirty="0"/>
              <a:t>Returns barely enough to meet family expenses</a:t>
            </a:r>
          </a:p>
        </p:txBody>
      </p:sp>
      <p:sp>
        <p:nvSpPr>
          <p:cNvPr id="13" name="Isosceles Triangle 12"/>
          <p:cNvSpPr/>
          <p:nvPr/>
        </p:nvSpPr>
        <p:spPr>
          <a:xfrm rot="5400000">
            <a:off x="1173674" y="4599164"/>
            <a:ext cx="4245276" cy="467246"/>
          </a:xfrm>
          <a:prstGeom prst="triangle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15" name="TextBox 14"/>
          <p:cNvSpPr txBox="1"/>
          <p:nvPr/>
        </p:nvSpPr>
        <p:spPr>
          <a:xfrm>
            <a:off x="3679634" y="3803553"/>
            <a:ext cx="2137272" cy="3073525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IN" sz="1500" dirty="0"/>
              <a:t>Visited the Indian Council of Agricultural Research  in Lucknow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IN" sz="1500" dirty="0"/>
              <a:t>Received broccoli seeds from the KVK (a farm science centre)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IN" sz="1500" dirty="0"/>
              <a:t>Attended their training programme about commercial crops</a:t>
            </a:r>
          </a:p>
        </p:txBody>
      </p:sp>
      <p:sp>
        <p:nvSpPr>
          <p:cNvPr id="16" name="Isosceles Triangle 15"/>
          <p:cNvSpPr/>
          <p:nvPr/>
        </p:nvSpPr>
        <p:spPr>
          <a:xfrm rot="5400000">
            <a:off x="4518264" y="4599164"/>
            <a:ext cx="4245276" cy="467246"/>
          </a:xfrm>
          <a:prstGeom prst="triangle">
            <a:avLst/>
          </a:prstGeom>
          <a:solidFill>
            <a:srgbClr val="00582C">
              <a:alpha val="50196"/>
            </a:srgb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17" name="Isosceles Triangle 16"/>
          <p:cNvSpPr/>
          <p:nvPr/>
        </p:nvSpPr>
        <p:spPr>
          <a:xfrm rot="5400000">
            <a:off x="7629232" y="4599164"/>
            <a:ext cx="4245276" cy="467246"/>
          </a:xfrm>
          <a:prstGeom prst="triangle">
            <a:avLst/>
          </a:prstGeom>
          <a:solidFill>
            <a:schemeClr val="bg1">
              <a:lumMod val="75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6982858" y="3744188"/>
            <a:ext cx="2137272" cy="2842692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IN" sz="1500" dirty="0"/>
              <a:t>Instead of low margin crops, shifted cultivation to exotic vegetable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IN" sz="1500" dirty="0"/>
              <a:t>Currently grows multiple vegetables such as parsley, red cabbage, broccoli, cherry tomato etc. </a:t>
            </a:r>
          </a:p>
        </p:txBody>
      </p:sp>
      <p:sp>
        <p:nvSpPr>
          <p:cNvPr id="19" name="TextBox 18"/>
          <p:cNvSpPr txBox="1"/>
          <p:nvPr/>
        </p:nvSpPr>
        <p:spPr>
          <a:xfrm>
            <a:off x="10169624" y="3763632"/>
            <a:ext cx="2137272" cy="2842692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marL="285750" indent="-285750">
              <a:buFont typeface="Arial" panose="020B0604020202020204" pitchFamily="34" charset="0"/>
              <a:buChar char="•"/>
            </a:pPr>
            <a:r>
              <a:rPr lang="en-IN" sz="1500" dirty="0"/>
              <a:t>Enjoys a net margin ~$4,500 per annum over an area of 0.5 ha (typical farmer household income is approx. $1000)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IN" sz="1500" dirty="0"/>
              <a:t>Commendable cost to benefit ratio (1:11.75) for small land holding farmer</a:t>
            </a:r>
          </a:p>
        </p:txBody>
      </p:sp>
    </p:spTree>
    <p:extLst>
      <p:ext uri="{BB962C8B-B14F-4D97-AF65-F5344CB8AC3E}">
        <p14:creationId xmlns:p14="http://schemas.microsoft.com/office/powerpoint/2010/main" val="3630859523"/>
      </p:ext>
    </p:extLst>
  </p:cSld>
  <p:clrMapOvr>
    <a:masterClrMapping/>
  </p:clrMapOvr>
</p:sld>
</file>

<file path=ppt/slides/slide4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5150CE95-9040-BE44-8D55-EB202897A957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3300" b="1" dirty="0">
                <a:solidFill>
                  <a:srgbClr val="009656"/>
                </a:solidFill>
              </a:rPr>
              <a:t>REFERENCES</a:t>
            </a:r>
          </a:p>
        </p:txBody>
      </p:sp>
      <p:sp>
        <p:nvSpPr>
          <p:cNvPr id="3" name="TextBox 2">
            <a:extLst>
              <a:ext uri="{FF2B5EF4-FFF2-40B4-BE49-F238E27FC236}">
                <a16:creationId xmlns:a16="http://schemas.microsoft.com/office/drawing/2014/main" id="{ABF4EA67-BEDE-C140-9DE9-D0F523F7A54D}"/>
              </a:ext>
            </a:extLst>
          </p:cNvPr>
          <p:cNvSpPr txBox="1"/>
          <p:nvPr/>
        </p:nvSpPr>
        <p:spPr>
          <a:xfrm>
            <a:off x="410817" y="920640"/>
            <a:ext cx="11913705" cy="5997402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pPr marL="342900" indent="-342900">
              <a:buFont typeface="+mj-lt"/>
              <a:buAutoNum type="arabicPeriod"/>
            </a:pPr>
            <a:r>
              <a:rPr lang="en-IN" sz="1100" dirty="0"/>
              <a:t>(2020). Retrieved 5 April 2020, from </a:t>
            </a:r>
            <a:r>
              <a:rPr lang="en-IN" sz="1100" dirty="0">
                <a:hlinkClick r:id="rId3"/>
              </a:rPr>
              <a:t>https://niti.gov.in/writereaddata/files/document_publication/DOUBLING%20FARMERS%20INCOME.pdf</a:t>
            </a:r>
            <a:endParaRPr lang="en-IN" sz="1100" dirty="0"/>
          </a:p>
          <a:p>
            <a:pPr marL="342900" indent="-342900">
              <a:buFont typeface="+mj-lt"/>
              <a:buAutoNum type="arabicPeriod"/>
            </a:pPr>
            <a:r>
              <a:rPr lang="en-IN" sz="1100" dirty="0"/>
              <a:t>Despite Droughts, This Maharashtra Farmer Is Earning Lakhs From 1 Acre!. (2020). Retrieved 5 April 2020, from </a:t>
            </a:r>
            <a:r>
              <a:rPr lang="en-IN" sz="1100" dirty="0">
                <a:hlinkClick r:id="rId4"/>
              </a:rPr>
              <a:t>https://www.thebetterindia.com/120207/bhairwadi-vishwanath-bobade-1-acre-farming-beed-maharashtra/</a:t>
            </a:r>
            <a:endParaRPr lang="en-IN" sz="1100" dirty="0"/>
          </a:p>
          <a:p>
            <a:pPr marL="342900" indent="-342900">
              <a:buFont typeface="+mj-lt"/>
              <a:buAutoNum type="arabicPeriod"/>
            </a:pPr>
            <a:r>
              <a:rPr lang="en-IN" sz="1100" dirty="0"/>
              <a:t>(2020). Here's a happy farm story from a small Jammu village - Lavender farmers of Jammu. Retrieved 5 April 2020, from </a:t>
            </a:r>
            <a:r>
              <a:rPr lang="en-IN" sz="1100" dirty="0">
                <a:hlinkClick r:id="rId5"/>
              </a:rPr>
              <a:t>https://economictimes.indiatimes.com/news/economy/agriculture/heres-a-happy-farm-story-from-a-small-jammu-village/high-demand/slideshow/65805772.cms</a:t>
            </a:r>
            <a:endParaRPr lang="en-IN" sz="1100" dirty="0"/>
          </a:p>
          <a:p>
            <a:pPr marL="342900" indent="-342900">
              <a:buFont typeface="+mj-lt"/>
              <a:buAutoNum type="arabicPeriod"/>
            </a:pPr>
            <a:r>
              <a:rPr lang="en-IN" sz="1100" dirty="0"/>
              <a:t>India, T. (2020). Harish </a:t>
            </a:r>
            <a:r>
              <a:rPr lang="en-IN" sz="1100" dirty="0" err="1"/>
              <a:t>Dhandev</a:t>
            </a:r>
            <a:r>
              <a:rPr lang="en-IN" sz="1100" dirty="0"/>
              <a:t> quit his govt job and cultivated aloe </a:t>
            </a:r>
            <a:r>
              <a:rPr lang="en-IN" sz="1100" dirty="0" err="1"/>
              <a:t>vera</a:t>
            </a:r>
            <a:r>
              <a:rPr lang="en-IN" sz="1100" dirty="0"/>
              <a:t> to become a </a:t>
            </a:r>
            <a:r>
              <a:rPr lang="en-IN" sz="1100" dirty="0" err="1"/>
              <a:t>crorepati</a:t>
            </a:r>
            <a:r>
              <a:rPr lang="en-IN" sz="1100" dirty="0"/>
              <a:t>. Retrieved 5 April 2020, from </a:t>
            </a:r>
            <a:r>
              <a:rPr lang="en-IN" sz="1100" dirty="0">
                <a:hlinkClick r:id="rId6"/>
              </a:rPr>
              <a:t>https://yourstory.com/2016/07/harish-dhandev</a:t>
            </a:r>
            <a:endParaRPr lang="en-IN" sz="1100" dirty="0"/>
          </a:p>
          <a:p>
            <a:pPr marL="342900" indent="-342900">
              <a:buFont typeface="+mj-lt"/>
              <a:buAutoNum type="arabicPeriod"/>
            </a:pPr>
            <a:r>
              <a:rPr lang="en-IN" sz="1100" dirty="0"/>
              <a:t>Free </a:t>
            </a:r>
            <a:r>
              <a:rPr lang="en-IN" sz="1100" dirty="0" err="1"/>
              <a:t>ricefield</a:t>
            </a:r>
            <a:r>
              <a:rPr lang="en-IN" sz="1100" dirty="0"/>
              <a:t> Stock Photo - </a:t>
            </a:r>
            <a:r>
              <a:rPr lang="en-IN" sz="1100" dirty="0" err="1"/>
              <a:t>FreeImages.com</a:t>
            </a:r>
            <a:r>
              <a:rPr lang="en-IN" sz="1100" dirty="0"/>
              <a:t>. (2020). Retrieved 5 April 2020, from </a:t>
            </a:r>
            <a:r>
              <a:rPr lang="en-IN" sz="1100" dirty="0">
                <a:hlinkClick r:id="rId7"/>
              </a:rPr>
              <a:t>https://www.freeimages.com/photo/ricefield-1375627</a:t>
            </a:r>
            <a:endParaRPr lang="en-IN" sz="1100" dirty="0"/>
          </a:p>
          <a:p>
            <a:pPr marL="342900" indent="-342900">
              <a:buFont typeface="+mj-lt"/>
              <a:buAutoNum type="arabicPeriod"/>
            </a:pPr>
            <a:r>
              <a:rPr lang="en-IN" sz="1100" dirty="0"/>
              <a:t>Half of rural India still doesn't own agricultural land: SECC 2011. (2020). Retrieved 5 April 2020, from </a:t>
            </a:r>
            <a:r>
              <a:rPr lang="en-IN" sz="1100" dirty="0">
                <a:hlinkClick r:id="rId8"/>
              </a:rPr>
              <a:t>https://economictimes.indiatimes.com/news/economy/agriculture/half-of-rural-india-still-doesnt-own-agricultural-land-secc-2011/articleshow/48062767.cms?from=mdr</a:t>
            </a:r>
            <a:endParaRPr lang="en-IN" sz="1100" dirty="0"/>
          </a:p>
          <a:p>
            <a:pPr marL="342900" indent="-342900">
              <a:buFont typeface="+mj-lt"/>
              <a:buAutoNum type="arabicPeriod"/>
            </a:pPr>
            <a:r>
              <a:rPr lang="en-IN" sz="1100" dirty="0"/>
              <a:t>India - leading vegetable producing state 2018 | Statista. (2020). Retrieved 5 April 2020, from </a:t>
            </a:r>
            <a:r>
              <a:rPr lang="en-IN" sz="1100" dirty="0">
                <a:hlinkClick r:id="rId9"/>
              </a:rPr>
              <a:t>https://www.statista.com/statistics/1036898/india-leading-vegetable-producing-state/</a:t>
            </a:r>
            <a:endParaRPr lang="en-IN" sz="1100" dirty="0"/>
          </a:p>
          <a:p>
            <a:pPr marL="342900" indent="-342900">
              <a:buFont typeface="+mj-lt"/>
              <a:buAutoNum type="arabicPeriod"/>
            </a:pPr>
            <a:r>
              <a:rPr lang="en-IN" sz="1100" dirty="0"/>
              <a:t>PA-Table-04-Bihar. (2020). Retrieved 5 April 2020, from </a:t>
            </a:r>
            <a:r>
              <a:rPr lang="en-IN" sz="1100" dirty="0">
                <a:hlinkClick r:id="rId10"/>
              </a:rPr>
              <a:t>http://drdpat.bih.nic.in/PA-Table-04-Bihar.htm</a:t>
            </a:r>
            <a:endParaRPr lang="en-IN" sz="1100" dirty="0"/>
          </a:p>
          <a:p>
            <a:pPr marL="342900" indent="-342900">
              <a:buFont typeface="+mj-lt"/>
              <a:buAutoNum type="arabicPeriod"/>
            </a:pPr>
            <a:r>
              <a:rPr lang="en-IN" sz="1100" dirty="0"/>
              <a:t>Padmanabhan, V. (2020). The land challenge underlying India’s farm crisis. Retrieved 5 April 2020, from </a:t>
            </a:r>
            <a:r>
              <a:rPr lang="en-IN" sz="1100" dirty="0">
                <a:hlinkClick r:id="rId11"/>
              </a:rPr>
              <a:t>https://www.livemint.com/Politics/SOG43o5ypqO13j0QflaawM/The-land-challenge-underlying-Indias-farm-crisis.html</a:t>
            </a:r>
            <a:endParaRPr lang="en-IN" sz="1100" dirty="0"/>
          </a:p>
          <a:p>
            <a:pPr marL="342900" indent="-342900">
              <a:buFont typeface="+mj-lt"/>
              <a:buAutoNum type="arabicPeriod"/>
            </a:pPr>
            <a:r>
              <a:rPr lang="en-IN" sz="1100" dirty="0"/>
              <a:t>Alexander, S. (2020). Crop insurance schemes need  better planning. Retrieved 5 April 2020, from </a:t>
            </a:r>
            <a:r>
              <a:rPr lang="en-IN" sz="1100" dirty="0">
                <a:hlinkClick r:id="rId12"/>
              </a:rPr>
              <a:t>https://www.livemint.com/industry/agriculture/why-crop-insurance-needs-to-be-better-designed-1562741755465.html</a:t>
            </a:r>
            <a:endParaRPr lang="en-IN" sz="1100" dirty="0"/>
          </a:p>
          <a:p>
            <a:pPr marL="342900" indent="-342900">
              <a:buFont typeface="+mj-lt"/>
              <a:buAutoNum type="arabicPeriod"/>
            </a:pPr>
            <a:r>
              <a:rPr lang="en-IN" sz="1100" dirty="0"/>
              <a:t>YOUR MONEY: Family offices lead the way on impact investing. (2020). Retrieved 5 April 2020, from </a:t>
            </a:r>
            <a:r>
              <a:rPr lang="en-IN" sz="1100" dirty="0">
                <a:hlinkClick r:id="rId13"/>
              </a:rPr>
              <a:t>https://in.reuters.com/article/us-money-investing-esg/your-money-family-offices-lead-the-way-on-impact-investing-idINKBN20417Q</a:t>
            </a:r>
            <a:endParaRPr lang="en-IN" sz="1100" dirty="0"/>
          </a:p>
          <a:p>
            <a:pPr marL="342900" indent="-342900">
              <a:buFont typeface="+mj-lt"/>
              <a:buAutoNum type="arabicPeriod"/>
            </a:pPr>
            <a:r>
              <a:rPr lang="en-IN" sz="1100" dirty="0"/>
              <a:t>(2020). Retrieved 5 April 2020, from </a:t>
            </a:r>
            <a:r>
              <a:rPr lang="en-IN" sz="1100" dirty="0">
                <a:hlinkClick r:id="rId14"/>
              </a:rPr>
              <a:t>http://www3.weforum.org/docs/WEFUSA_FamilyOfficePrimer_Report.pdf</a:t>
            </a:r>
            <a:endParaRPr lang="en-IN" sz="1100" dirty="0"/>
          </a:p>
          <a:p>
            <a:pPr marL="342900" indent="-342900">
              <a:buFont typeface="+mj-lt"/>
              <a:buAutoNum type="arabicPeriod"/>
            </a:pPr>
            <a:r>
              <a:rPr lang="en-IN" sz="1100" dirty="0"/>
              <a:t>Christopher K. </a:t>
            </a:r>
            <a:r>
              <a:rPr lang="en-IN" sz="1100" dirty="0" err="1"/>
              <a:t>Merker</a:t>
            </a:r>
            <a:r>
              <a:rPr lang="en-IN" sz="1100" dirty="0"/>
              <a:t>, C. (2020). Six Trends in College and University Endowments. Retrieved 5 April 2020, from </a:t>
            </a:r>
            <a:r>
              <a:rPr lang="en-IN" sz="1100" dirty="0">
                <a:hlinkClick r:id="rId15"/>
              </a:rPr>
              <a:t>https://blogs.cfainstitute.org/investor/2019/04/03/six-trends-in-college-and-university-endowments/</a:t>
            </a:r>
            <a:endParaRPr lang="en-IN" sz="1100" dirty="0"/>
          </a:p>
          <a:p>
            <a:pPr marL="342900" indent="-342900">
              <a:buFont typeface="+mj-lt"/>
              <a:buAutoNum type="arabicPeriod"/>
            </a:pPr>
            <a:r>
              <a:rPr lang="en-IN" sz="1100" dirty="0" err="1"/>
              <a:t>Rist</a:t>
            </a:r>
            <a:r>
              <a:rPr lang="en-IN" sz="1100" dirty="0"/>
              <a:t>, K. (2020). Why Venture Capital Is The Original Impact Investing. Retrieved 5 April 2020, from </a:t>
            </a:r>
            <a:r>
              <a:rPr lang="en-IN" sz="1100" dirty="0">
                <a:hlinkClick r:id="rId16"/>
              </a:rPr>
              <a:t>https://www.forbes.com/sites/kjartanrist/2018/11/30/why-venture-capital-is-the-original-impact-investing/#1c6ae11353f3</a:t>
            </a:r>
            <a:endParaRPr lang="en-IN" sz="1100" dirty="0"/>
          </a:p>
          <a:p>
            <a:pPr marL="342900" indent="-342900">
              <a:buFont typeface="+mj-lt"/>
              <a:buAutoNum type="arabicPeriod"/>
            </a:pPr>
            <a:r>
              <a:rPr lang="en-IN" sz="1100" dirty="0"/>
              <a:t>REITs may help generate 14% return annually to investors : </a:t>
            </a:r>
            <a:r>
              <a:rPr lang="en-IN" sz="1100" dirty="0" err="1"/>
              <a:t>Anarock</a:t>
            </a:r>
            <a:r>
              <a:rPr lang="en-IN" sz="1100" dirty="0"/>
              <a:t>. (2020). Retrieved 5 April 2020, from </a:t>
            </a:r>
            <a:r>
              <a:rPr lang="en-IN" sz="1100" dirty="0">
                <a:hlinkClick r:id="rId17"/>
              </a:rPr>
              <a:t>https://economictimes.Indiatimes.com/industry/services/property-/-cstruction/reits-may-help-generate-14-return-annually-to-investors-anarock/articleshow/67526986.cms?from=mdr</a:t>
            </a:r>
            <a:endParaRPr lang="en-IN" sz="1100" dirty="0"/>
          </a:p>
          <a:p>
            <a:pPr marL="342900" indent="-342900">
              <a:buFont typeface="+mj-lt"/>
              <a:buAutoNum type="arabicPeriod"/>
            </a:pPr>
            <a:r>
              <a:rPr lang="en-IN" sz="1100" dirty="0"/>
              <a:t>Investment tip: Realistic expectations help in setting financial goals. (2020). Retrieved 5 April 2020, from </a:t>
            </a:r>
            <a:r>
              <a:rPr lang="en-IN" sz="1100" dirty="0">
                <a:hlinkClick r:id="rId18"/>
              </a:rPr>
              <a:t>https://www.businesstoday.in/moneytoday/investment/investment-tip-on-setting-financial-goals/story/190972.html</a:t>
            </a:r>
            <a:endParaRPr lang="en-IN" sz="1100" dirty="0"/>
          </a:p>
          <a:p>
            <a:pPr marL="342900" indent="-342900">
              <a:buFont typeface="+mj-lt"/>
              <a:buAutoNum type="arabicPeriod"/>
            </a:pPr>
            <a:r>
              <a:rPr lang="en-IN" sz="1100" dirty="0"/>
              <a:t>Fixed Deposit Interest Rates: Best FD Rates of Top Banks in India 2020. (2020). Retrieved 5 April 2020, from </a:t>
            </a:r>
            <a:r>
              <a:rPr lang="en-IN" sz="1100" dirty="0">
                <a:hlinkClick r:id="rId19"/>
              </a:rPr>
              <a:t>https://www.bankbazaar.com/fixed-deposit-rate.html</a:t>
            </a:r>
            <a:endParaRPr lang="en-IN" sz="1100" dirty="0"/>
          </a:p>
          <a:p>
            <a:pPr marL="342900" indent="-342900">
              <a:buFont typeface="+mj-lt"/>
              <a:buAutoNum type="arabicPeriod"/>
            </a:pPr>
            <a:r>
              <a:rPr lang="en-IN" sz="1100" dirty="0" err="1"/>
              <a:t>Sonavane</a:t>
            </a:r>
            <a:r>
              <a:rPr lang="en-IN" sz="1100" dirty="0"/>
              <a:t>, R. (2020). India bond yields fall 10 bps as government sticks to borrowing numbers. Retrieved 5 April 2020, from </a:t>
            </a:r>
            <a:r>
              <a:rPr lang="en-IN" sz="1100" dirty="0">
                <a:hlinkClick r:id="rId20"/>
              </a:rPr>
              <a:t>https://www.livemint.com/market/stock-market-news/India-bond-yields-fall-10-bps-as-government-sticks-to-borrowing-numbers-11580701444121.html</a:t>
            </a:r>
            <a:endParaRPr lang="en-IN" sz="1100" dirty="0"/>
          </a:p>
          <a:p>
            <a:pPr marL="342900" indent="-342900">
              <a:buFont typeface="+mj-lt"/>
              <a:buAutoNum type="arabicPeriod"/>
            </a:pPr>
            <a:r>
              <a:rPr lang="en-IN" sz="1100" dirty="0"/>
              <a:t>Bihar. (2020). Retrieved 5 April 2020, from http://</a:t>
            </a:r>
            <a:r>
              <a:rPr lang="en-IN" sz="1100" dirty="0" err="1"/>
              <a:t>farmech.dac.gov.in</a:t>
            </a:r>
            <a:r>
              <a:rPr lang="en-IN" sz="1100" dirty="0"/>
              <a:t>/</a:t>
            </a:r>
            <a:r>
              <a:rPr lang="en-IN" sz="1100" dirty="0" err="1"/>
              <a:t>FarmerGuide</a:t>
            </a:r>
            <a:r>
              <a:rPr lang="en-IN" sz="1100" dirty="0"/>
              <a:t>/BI/index1.html</a:t>
            </a:r>
            <a:endParaRPr lang="en-US" sz="1100" dirty="0" err="1"/>
          </a:p>
        </p:txBody>
      </p:sp>
      <p:sp>
        <p:nvSpPr>
          <p:cNvPr id="4" name="Rectangle 3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53881678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BainBulletsConfiguration" hidden="1"/>
          <p:cNvSpPr txBox="1"/>
          <p:nvPr/>
        </p:nvSpPr>
        <p:spPr>
          <a:xfrm>
            <a:off x="1711539" y="331826"/>
            <a:ext cx="8101687" cy="81189"/>
          </a:xfrm>
          <a:prstGeom prst="rect">
            <a:avLst/>
          </a:prstGeom>
          <a:noFill/>
        </p:spPr>
        <p:txBody>
          <a:bodyPr vert="horz" wrap="square" lIns="32808" tIns="32808" rIns="32808" bIns="32808" rtlCol="0">
            <a:spAutoFit/>
          </a:bodyPr>
          <a:lstStyle/>
          <a:p>
            <a:r>
              <a:rPr lang="en-US" sz="100">
                <a:solidFill>
                  <a:srgbClr val="FFFFFF"/>
                </a:solidFill>
              </a:rPr>
              <a:t>8_84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8" name="Agenda"/>
          <p:cNvSpPr txBox="1"/>
          <p:nvPr>
            <p:custDataLst>
              <p:tags r:id="rId2"/>
            </p:custDataLst>
          </p:nvPr>
        </p:nvSpPr>
        <p:spPr>
          <a:xfrm>
            <a:off x="623888" y="1835289"/>
            <a:ext cx="11593512" cy="5031719"/>
          </a:xfrm>
          <a:prstGeom prst="rect">
            <a:avLst/>
          </a:prstGeom>
          <a:noFill/>
        </p:spPr>
        <p:txBody>
          <a:bodyPr vert="horz" wrap="square" lIns="32808" tIns="32808" rIns="32808" bIns="32808" rtlCol="0">
            <a:spAutoFit/>
          </a:bodyPr>
          <a:lstStyle/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PROBLEM STATEMENT</a:t>
            </a:r>
            <a:br>
              <a:rPr lang="en-US" sz="2400" b="1" dirty="0"/>
            </a:br>
            <a:r>
              <a:rPr lang="en-US" dirty="0"/>
              <a:t>Current problem plaguing the sector and scope of opportunities</a:t>
            </a:r>
          </a:p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SOLUTION AND INVESTMENT THESIS</a:t>
            </a:r>
            <a:br>
              <a:rPr lang="en-US" sz="2400" dirty="0"/>
            </a:br>
            <a:r>
              <a:rPr lang="en-US" sz="2000" dirty="0"/>
              <a:t>How we plan to solve the problem and create financial value at the same time</a:t>
            </a:r>
            <a:endParaRPr lang="en-US" sz="2000" b="1" dirty="0"/>
          </a:p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IMPLEMENTATION ASPECTS</a:t>
            </a:r>
            <a:br>
              <a:rPr lang="en-US" sz="2400" dirty="0"/>
            </a:br>
            <a:r>
              <a:rPr lang="en-US" sz="2000" dirty="0"/>
              <a:t>Finer executional details contributing to the success of the project</a:t>
            </a:r>
          </a:p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IMPACT</a:t>
            </a:r>
            <a:br>
              <a:rPr lang="en-US" sz="2400" dirty="0"/>
            </a:br>
            <a:r>
              <a:rPr lang="en-US" sz="2000" dirty="0"/>
              <a:t>Benefits accrued to the society, farmers and the investors</a:t>
            </a:r>
          </a:p>
          <a:p>
            <a:pPr>
              <a:spcBef>
                <a:spcPts val="3200"/>
              </a:spcBef>
              <a:buSzPct val="100000"/>
            </a:pPr>
            <a:r>
              <a:rPr lang="en-US" sz="2400" b="1" dirty="0">
                <a:solidFill>
                  <a:srgbClr val="009051"/>
                </a:solidFill>
              </a:rPr>
              <a:t>APPENDIX</a:t>
            </a:r>
            <a:br>
              <a:rPr lang="en-US" sz="2400" dirty="0"/>
            </a:br>
            <a:r>
              <a:rPr lang="en-US" sz="2000" dirty="0"/>
              <a:t>Deep dive into specific aspects for further discussions</a:t>
            </a:r>
          </a:p>
        </p:txBody>
      </p:sp>
      <p:sp>
        <p:nvSpPr>
          <p:cNvPr id="9" name="Rectangle 8"/>
          <p:cNvSpPr/>
          <p:nvPr/>
        </p:nvSpPr>
        <p:spPr>
          <a:xfrm>
            <a:off x="88" y="818079"/>
            <a:ext cx="12900483" cy="735299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US" sz="2000" dirty="0">
              <a:solidFill>
                <a:srgbClr val="FFFFFF"/>
              </a:solidFill>
            </a:endParaRPr>
          </a:p>
        </p:txBody>
      </p:sp>
      <p:sp>
        <p:nvSpPr>
          <p:cNvPr id="10" name="TextBox 9"/>
          <p:cNvSpPr txBox="1"/>
          <p:nvPr/>
        </p:nvSpPr>
        <p:spPr>
          <a:xfrm>
            <a:off x="653573" y="903155"/>
            <a:ext cx="6826189" cy="565146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US" sz="3200" b="1" dirty="0">
                <a:solidFill>
                  <a:schemeClr val="bg2"/>
                </a:solidFill>
              </a:rPr>
              <a:t>Agenda</a:t>
            </a:r>
          </a:p>
        </p:txBody>
      </p:sp>
      <p:sp>
        <p:nvSpPr>
          <p:cNvPr id="6" name="Rectangle 5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cxnSp>
        <p:nvCxnSpPr>
          <p:cNvPr id="12" name="Straight Connector 11">
            <a:extLst>
              <a:ext uri="{FF2B5EF4-FFF2-40B4-BE49-F238E27FC236}">
                <a16:creationId xmlns:a16="http://schemas.microsoft.com/office/drawing/2014/main" id="{2C0CB7F0-DB6F-9C48-A07B-ABF1B0140FAE}"/>
              </a:ext>
            </a:extLst>
          </p:cNvPr>
          <p:cNvCxnSpPr/>
          <p:nvPr/>
        </p:nvCxnSpPr>
        <p:spPr>
          <a:xfrm>
            <a:off x="490330" y="2925903"/>
            <a:ext cx="0" cy="665757"/>
          </a:xfrm>
          <a:prstGeom prst="line">
            <a:avLst/>
          </a:prstGeom>
          <a:ln w="76200">
            <a:solidFill>
              <a:srgbClr val="00905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1"/>
    </p:custDataLst>
    <p:extLst>
      <p:ext uri="{BB962C8B-B14F-4D97-AF65-F5344CB8AC3E}">
        <p14:creationId xmlns:p14="http://schemas.microsoft.com/office/powerpoint/2010/main" val="523421885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1">
            <a:extLst>
              <a:ext uri="{FF2B5EF4-FFF2-40B4-BE49-F238E27FC236}">
                <a16:creationId xmlns:a16="http://schemas.microsoft.com/office/drawing/2014/main" id="{D5B1C0A7-38E7-4248-A5DE-0D739461F8F3}"/>
              </a:ext>
            </a:extLst>
          </p:cNvPr>
          <p:cNvSpPr txBox="1">
            <a:spLocks/>
          </p:cNvSpPr>
          <p:nvPr/>
        </p:nvSpPr>
        <p:spPr bwMode="gray">
          <a:xfrm>
            <a:off x="236498" y="257422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pPr algn="ctr"/>
            <a:r>
              <a:rPr lang="en-US" sz="3300" b="1" dirty="0">
                <a:solidFill>
                  <a:srgbClr val="009051"/>
                </a:solidFill>
              </a:rPr>
              <a:t>Our Solution</a:t>
            </a:r>
          </a:p>
        </p:txBody>
      </p:sp>
      <p:sp>
        <p:nvSpPr>
          <p:cNvPr id="62" name="Rectangle 61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63" name="Rectangle 62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pic>
        <p:nvPicPr>
          <p:cNvPr id="1026" name="Picture 2">
            <a:extLst>
              <a:ext uri="{FF2B5EF4-FFF2-40B4-BE49-F238E27FC236}">
                <a16:creationId xmlns:a16="http://schemas.microsoft.com/office/drawing/2014/main" id="{8A341A23-9FFE-41A7-A899-05F9B7C88E68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alphaModFix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4004" y="1598923"/>
            <a:ext cx="1167625" cy="11676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8" name="Rectangle 7">
            <a:extLst>
              <a:ext uri="{FF2B5EF4-FFF2-40B4-BE49-F238E27FC236}">
                <a16:creationId xmlns:a16="http://schemas.microsoft.com/office/drawing/2014/main" id="{3E4685D4-C90A-48E9-A867-2A1141391A76}"/>
              </a:ext>
            </a:extLst>
          </p:cNvPr>
          <p:cNvSpPr/>
          <p:nvPr/>
        </p:nvSpPr>
        <p:spPr>
          <a:xfrm>
            <a:off x="2719212" y="2885881"/>
            <a:ext cx="2160000" cy="3600000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dirty="0">
                <a:solidFill>
                  <a:schemeClr val="accent6">
                    <a:lumMod val="40000"/>
                    <a:lumOff val="60000"/>
                  </a:schemeClr>
                </a:solidFill>
              </a:rPr>
              <a:t>Land procured from landlords </a:t>
            </a:r>
          </a:p>
          <a:p>
            <a:pPr algn="ctr"/>
            <a:endParaRPr lang="en-US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  <a:p>
            <a:pPr algn="ctr"/>
            <a:endParaRPr lang="en-US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  <a:p>
            <a:pPr algn="ctr"/>
            <a:r>
              <a:rPr lang="en-US" dirty="0">
                <a:solidFill>
                  <a:schemeClr val="accent6">
                    <a:lumMod val="40000"/>
                    <a:lumOff val="60000"/>
                  </a:schemeClr>
                </a:solidFill>
              </a:rPr>
              <a:t>Soil &amp; climate quality testing</a:t>
            </a:r>
          </a:p>
          <a:p>
            <a:pPr algn="ctr"/>
            <a:endParaRPr lang="en-US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  <a:p>
            <a:pPr algn="ctr"/>
            <a:endParaRPr lang="en-US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  <a:p>
            <a:pPr algn="ctr"/>
            <a:r>
              <a:rPr lang="en-US" dirty="0">
                <a:solidFill>
                  <a:schemeClr val="accent6">
                    <a:lumMod val="40000"/>
                    <a:lumOff val="60000"/>
                  </a:schemeClr>
                </a:solidFill>
              </a:rPr>
              <a:t>Equipment &amp; technology purchase</a:t>
            </a:r>
          </a:p>
          <a:p>
            <a:pPr algn="ctr"/>
            <a:endParaRPr lang="en-US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</p:txBody>
      </p:sp>
      <p:pic>
        <p:nvPicPr>
          <p:cNvPr id="1028" name="Picture 4">
            <a:extLst>
              <a:ext uri="{FF2B5EF4-FFF2-40B4-BE49-F238E27FC236}">
                <a16:creationId xmlns:a16="http://schemas.microsoft.com/office/drawing/2014/main" id="{EFEC47EE-0351-468C-9D40-4A6604B290AD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793" t="9462" r="6410" b="24072"/>
          <a:stretch/>
        </p:blipFill>
        <p:spPr bwMode="auto">
          <a:xfrm>
            <a:off x="3011307" y="1599535"/>
            <a:ext cx="1575810" cy="11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9" name="Rectangle 8">
            <a:extLst>
              <a:ext uri="{FF2B5EF4-FFF2-40B4-BE49-F238E27FC236}">
                <a16:creationId xmlns:a16="http://schemas.microsoft.com/office/drawing/2014/main" id="{2DA03CDD-8857-4EB9-AA2F-805B9D3F3BF2}"/>
              </a:ext>
            </a:extLst>
          </p:cNvPr>
          <p:cNvSpPr/>
          <p:nvPr/>
        </p:nvSpPr>
        <p:spPr>
          <a:xfrm>
            <a:off x="87816" y="2885881"/>
            <a:ext cx="2160000" cy="3600000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dirty="0">
                <a:solidFill>
                  <a:srgbClr val="000000"/>
                </a:solidFill>
              </a:rPr>
              <a:t>Locus Agriculture creates a Special Purpose Vehicle</a:t>
            </a:r>
          </a:p>
          <a:p>
            <a:pPr algn="ctr"/>
            <a:endParaRPr lang="en-US" dirty="0">
              <a:solidFill>
                <a:srgbClr val="000000"/>
              </a:solidFill>
            </a:endParaRPr>
          </a:p>
          <a:p>
            <a:pPr algn="ctr"/>
            <a:r>
              <a:rPr lang="en-US" dirty="0">
                <a:solidFill>
                  <a:srgbClr val="000000"/>
                </a:solidFill>
              </a:rPr>
              <a:t>SPV funded by investors</a:t>
            </a:r>
          </a:p>
          <a:p>
            <a:pPr algn="ctr"/>
            <a:endParaRPr lang="en-US" dirty="0">
              <a:solidFill>
                <a:srgbClr val="000000"/>
              </a:solidFill>
            </a:endParaRPr>
          </a:p>
          <a:p>
            <a:pPr algn="ctr"/>
            <a:endParaRPr lang="en-US" dirty="0">
              <a:solidFill>
                <a:srgbClr val="000000"/>
              </a:solidFill>
            </a:endParaRPr>
          </a:p>
          <a:p>
            <a:pPr algn="ctr"/>
            <a:r>
              <a:rPr lang="en-US" dirty="0">
                <a:solidFill>
                  <a:srgbClr val="000000"/>
                </a:solidFill>
              </a:rPr>
              <a:t>Pilot phase of $1.5mn</a:t>
            </a:r>
          </a:p>
          <a:p>
            <a:pPr algn="ctr"/>
            <a:endParaRPr lang="en-US" dirty="0">
              <a:solidFill>
                <a:srgbClr val="000000"/>
              </a:solidFill>
            </a:endParaRPr>
          </a:p>
          <a:p>
            <a:pPr algn="ctr"/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3249530C-DA38-4B05-B1DD-B25493A23832}"/>
              </a:ext>
            </a:extLst>
          </p:cNvPr>
          <p:cNvSpPr/>
          <p:nvPr/>
        </p:nvSpPr>
        <p:spPr>
          <a:xfrm>
            <a:off x="5350608" y="2885881"/>
            <a:ext cx="2160000" cy="3600000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dirty="0">
                <a:solidFill>
                  <a:schemeClr val="accent6">
                    <a:lumMod val="40000"/>
                    <a:lumOff val="60000"/>
                  </a:schemeClr>
                </a:solidFill>
              </a:rPr>
              <a:t>Landless farmers employed &amp; trained</a:t>
            </a:r>
          </a:p>
          <a:p>
            <a:pPr algn="ctr"/>
            <a:endParaRPr lang="en-US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  <a:p>
            <a:pPr algn="ctr"/>
            <a:r>
              <a:rPr lang="en-US" dirty="0">
                <a:solidFill>
                  <a:schemeClr val="accent6">
                    <a:lumMod val="40000"/>
                    <a:lumOff val="60000"/>
                  </a:schemeClr>
                </a:solidFill>
              </a:rPr>
              <a:t>Higher than market salaries</a:t>
            </a:r>
          </a:p>
          <a:p>
            <a:pPr algn="ctr"/>
            <a:endParaRPr lang="en-US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  <a:p>
            <a:pPr algn="ctr"/>
            <a:r>
              <a:rPr lang="en-US" dirty="0">
                <a:solidFill>
                  <a:schemeClr val="accent6">
                    <a:lumMod val="40000"/>
                    <a:lumOff val="60000"/>
                  </a:schemeClr>
                </a:solidFill>
              </a:rPr>
              <a:t>Creation of separate fund to purchase land for farmers at exit</a:t>
            </a:r>
          </a:p>
        </p:txBody>
      </p:sp>
      <p:sp>
        <p:nvSpPr>
          <p:cNvPr id="13" name="Arrow: Right 12">
            <a:extLst>
              <a:ext uri="{FF2B5EF4-FFF2-40B4-BE49-F238E27FC236}">
                <a16:creationId xmlns:a16="http://schemas.microsoft.com/office/drawing/2014/main" id="{6ED4BFB4-FFBE-4950-80A0-6EC48BC24055}"/>
              </a:ext>
            </a:extLst>
          </p:cNvPr>
          <p:cNvSpPr/>
          <p:nvPr/>
        </p:nvSpPr>
        <p:spPr>
          <a:xfrm>
            <a:off x="4785934" y="1970862"/>
            <a:ext cx="747131" cy="423746"/>
          </a:xfrm>
          <a:prstGeom prst="rightArrow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08E370F7-B3B9-45E1-B968-F4EC2BC3B032}"/>
              </a:ext>
            </a:extLst>
          </p:cNvPr>
          <p:cNvSpPr/>
          <p:nvPr/>
        </p:nvSpPr>
        <p:spPr>
          <a:xfrm>
            <a:off x="7893014" y="2885881"/>
            <a:ext cx="2321878" cy="3600000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dirty="0">
                <a:solidFill>
                  <a:schemeClr val="accent6">
                    <a:lumMod val="40000"/>
                    <a:lumOff val="60000"/>
                  </a:schemeClr>
                </a:solidFill>
              </a:rPr>
              <a:t>High yield crops – cash crops and organic farming</a:t>
            </a:r>
          </a:p>
          <a:p>
            <a:pPr algn="ctr"/>
            <a:endParaRPr lang="en-US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  <a:p>
            <a:pPr algn="ctr"/>
            <a:r>
              <a:rPr lang="en-US" dirty="0">
                <a:solidFill>
                  <a:schemeClr val="accent6">
                    <a:lumMod val="40000"/>
                    <a:lumOff val="60000"/>
                  </a:schemeClr>
                </a:solidFill>
              </a:rPr>
              <a:t>Market access &amp; collaborations for direct distribution</a:t>
            </a:r>
          </a:p>
          <a:p>
            <a:pPr algn="ctr"/>
            <a:endParaRPr lang="en-US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  <a:p>
            <a:pPr algn="ctr"/>
            <a:r>
              <a:rPr lang="en-US" dirty="0">
                <a:solidFill>
                  <a:schemeClr val="accent6">
                    <a:lumMod val="40000"/>
                    <a:lumOff val="60000"/>
                  </a:schemeClr>
                </a:solidFill>
              </a:rPr>
              <a:t>Risk management and expenditure on  farmer community development</a:t>
            </a:r>
          </a:p>
        </p:txBody>
      </p:sp>
      <p:pic>
        <p:nvPicPr>
          <p:cNvPr id="1030" name="Picture 6">
            <a:extLst>
              <a:ext uri="{FF2B5EF4-FFF2-40B4-BE49-F238E27FC236}">
                <a16:creationId xmlns:a16="http://schemas.microsoft.com/office/drawing/2014/main" id="{7A697836-F267-45D5-9C97-C1D987908BC8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8075" b="8162"/>
          <a:stretch/>
        </p:blipFill>
        <p:spPr bwMode="auto">
          <a:xfrm>
            <a:off x="5724396" y="1599535"/>
            <a:ext cx="1392495" cy="11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18" name="Arrow: Right 17">
            <a:extLst>
              <a:ext uri="{FF2B5EF4-FFF2-40B4-BE49-F238E27FC236}">
                <a16:creationId xmlns:a16="http://schemas.microsoft.com/office/drawing/2014/main" id="{A51A8956-EEB2-451B-B8E1-ECFB30581336}"/>
              </a:ext>
            </a:extLst>
          </p:cNvPr>
          <p:cNvSpPr/>
          <p:nvPr/>
        </p:nvSpPr>
        <p:spPr>
          <a:xfrm>
            <a:off x="7510608" y="1975819"/>
            <a:ext cx="747131" cy="423746"/>
          </a:xfrm>
          <a:prstGeom prst="rightArrow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CE84A9A8-358A-47EA-991D-875186899B81}"/>
              </a:ext>
            </a:extLst>
          </p:cNvPr>
          <p:cNvSpPr/>
          <p:nvPr/>
        </p:nvSpPr>
        <p:spPr>
          <a:xfrm>
            <a:off x="10613401" y="2885881"/>
            <a:ext cx="2160000" cy="3600000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dirty="0">
                <a:solidFill>
                  <a:schemeClr val="accent6">
                    <a:lumMod val="40000"/>
                    <a:lumOff val="60000"/>
                  </a:schemeClr>
                </a:solidFill>
              </a:rPr>
              <a:t>Investors receive a periodic return</a:t>
            </a:r>
          </a:p>
          <a:p>
            <a:pPr algn="ctr"/>
            <a:endParaRPr lang="en-US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  <a:p>
            <a:pPr algn="ctr"/>
            <a:endParaRPr lang="en-US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  <a:p>
            <a:pPr algn="ctr"/>
            <a:r>
              <a:rPr lang="en-US" dirty="0">
                <a:solidFill>
                  <a:schemeClr val="accent6">
                    <a:lumMod val="40000"/>
                    <a:lumOff val="60000"/>
                  </a:schemeClr>
                </a:solidFill>
              </a:rPr>
              <a:t>Equity gains in accordance with land appreciation </a:t>
            </a:r>
          </a:p>
          <a:p>
            <a:pPr algn="ctr"/>
            <a:endParaRPr lang="en-US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  <a:p>
            <a:pPr algn="ctr"/>
            <a:r>
              <a:rPr lang="en-US" dirty="0">
                <a:solidFill>
                  <a:schemeClr val="accent6">
                    <a:lumMod val="40000"/>
                    <a:lumOff val="60000"/>
                  </a:schemeClr>
                </a:solidFill>
              </a:rPr>
              <a:t>Multiple exit opportunities</a:t>
            </a:r>
          </a:p>
          <a:p>
            <a:pPr algn="ctr"/>
            <a:endParaRPr lang="en-US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  <a:p>
            <a:pPr algn="ctr"/>
            <a:endParaRPr lang="en-US" dirty="0">
              <a:solidFill>
                <a:schemeClr val="accent6">
                  <a:lumMod val="40000"/>
                  <a:lumOff val="60000"/>
                </a:schemeClr>
              </a:solidFill>
            </a:endParaRPr>
          </a:p>
        </p:txBody>
      </p:sp>
      <p:sp>
        <p:nvSpPr>
          <p:cNvPr id="22" name="Arrow: Right 21">
            <a:extLst>
              <a:ext uri="{FF2B5EF4-FFF2-40B4-BE49-F238E27FC236}">
                <a16:creationId xmlns:a16="http://schemas.microsoft.com/office/drawing/2014/main" id="{B730C4F0-7FB8-422C-BA63-8DFDE8959A8F}"/>
              </a:ext>
            </a:extLst>
          </p:cNvPr>
          <p:cNvSpPr/>
          <p:nvPr/>
        </p:nvSpPr>
        <p:spPr>
          <a:xfrm>
            <a:off x="9965538" y="1970862"/>
            <a:ext cx="747131" cy="423746"/>
          </a:xfrm>
          <a:prstGeom prst="rightArrow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pic>
        <p:nvPicPr>
          <p:cNvPr id="1034" name="Picture 10">
            <a:extLst>
              <a:ext uri="{FF2B5EF4-FFF2-40B4-BE49-F238E27FC236}">
                <a16:creationId xmlns:a16="http://schemas.microsoft.com/office/drawing/2014/main" id="{ABB024D0-BA2A-4AD6-BA62-F732003C81D0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5124" b="9422"/>
          <a:stretch/>
        </p:blipFill>
        <p:spPr bwMode="auto">
          <a:xfrm>
            <a:off x="8379536" y="1599535"/>
            <a:ext cx="1364936" cy="11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8" name="Picture 14">
            <a:extLst>
              <a:ext uri="{FF2B5EF4-FFF2-40B4-BE49-F238E27FC236}">
                <a16:creationId xmlns:a16="http://schemas.microsoft.com/office/drawing/2014/main" id="{7EF9CB34-7DAA-4A4E-BC7B-DD17DB6F726F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110201" y="1599535"/>
            <a:ext cx="1166400" cy="116640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" name="Rectangle 2">
            <a:extLst>
              <a:ext uri="{FF2B5EF4-FFF2-40B4-BE49-F238E27FC236}">
                <a16:creationId xmlns:a16="http://schemas.microsoft.com/office/drawing/2014/main" id="{202329CA-8197-C347-A935-1005D5D6C90C}"/>
              </a:ext>
            </a:extLst>
          </p:cNvPr>
          <p:cNvSpPr/>
          <p:nvPr/>
        </p:nvSpPr>
        <p:spPr>
          <a:xfrm>
            <a:off x="87816" y="1187079"/>
            <a:ext cx="2350584" cy="5428046"/>
          </a:xfrm>
          <a:prstGeom prst="rect">
            <a:avLst/>
          </a:prstGeom>
          <a:noFill/>
          <a:ln w="57150">
            <a:solidFill>
              <a:srgbClr val="009051"/>
            </a:solidFill>
            <a:prstDash val="sys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US" sz="2000" dirty="0">
              <a:solidFill>
                <a:schemeClr val="tx1"/>
              </a:solidFill>
            </a:endParaRPr>
          </a:p>
        </p:txBody>
      </p:sp>
      <p:sp>
        <p:nvSpPr>
          <p:cNvPr id="2" name="Arrow: Right 1">
            <a:extLst>
              <a:ext uri="{FF2B5EF4-FFF2-40B4-BE49-F238E27FC236}">
                <a16:creationId xmlns:a16="http://schemas.microsoft.com/office/drawing/2014/main" id="{66855552-71A3-4928-AD46-249603A25AE4}"/>
              </a:ext>
            </a:extLst>
          </p:cNvPr>
          <p:cNvSpPr/>
          <p:nvPr/>
        </p:nvSpPr>
        <p:spPr>
          <a:xfrm>
            <a:off x="2072299" y="1970862"/>
            <a:ext cx="747131" cy="423746"/>
          </a:xfrm>
          <a:prstGeom prst="rightArrow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6264915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 advTm="12581"/>
    </mc:Choice>
    <mc:Fallback xmlns="">
      <p:transition spd="slow" advTm="12581"/>
    </mc:Fallback>
  </mc:AlternateContent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63" presetClass="path" presetSubtype="0" accel="50000" decel="50000" fill="hold" grpId="0" nodeType="clickEffect">
                                  <p:stCondLst>
                                    <p:cond delay="20000"/>
                                  </p:stCondLst>
                                  <p:childTnLst>
                                    <p:animMotion origin="layout" path="M -1.61701E-6 0 L 0.19545 0 " pathEditMode="relative" rAng="0" ptsTypes="AA">
                                      <p:cBhvr>
                                        <p:cTn id="6" dur="20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x</p:attrName>
                                          <p:attrName>ppt_y</p:attrName>
                                        </p:attrNameLst>
                                      </p:cBhvr>
                                      <p:rCtr x="9766" y="0"/>
                                    </p:animMotion>
                                  </p:childTnLst>
                                </p:cTn>
                              </p:par>
                              <p:par>
                                <p:cTn id="7" presetID="3" presetClass="emph" presetSubtype="2" fill="hold" grpId="0" nodeType="withEffect">
                                  <p:stCondLst>
                                    <p:cond delay="30000"/>
                                  </p:stCondLst>
                                  <p:childTnLst>
                                    <p:animClr clrSpc="rgb" dir="cw">
                                      <p:cBhvr override="childStyle">
                                        <p:cTn id="8" dur="20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color</p:attrName>
                                        </p:attrNameLst>
                                      </p:cBhvr>
                                      <p:to>
                                        <a:srgbClr val="B2B2B2"/>
                                      </p:to>
                                    </p:animClr>
                                  </p:childTnLst>
                                  <p:subTnLst>
                                    <p:animClr clrSpc="rgb" dir="cw">
                                      <p:cBhvr override="childStyle">
                                        <p:cTn dur="1" fill="hold" display="0" masterRel="nextClick" afterEffect="1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c</p:attrName>
                                        </p:attrNameLst>
                                      </p:cBhvr>
                                      <p:to>
                                        <a:srgbClr val="B2B2B2"/>
                                      </p:to>
                                    </p:animClr>
                                  </p:subTnLst>
                                </p:cTn>
                              </p:par>
                              <p:par>
                                <p:cTn id="9" presetID="3" presetClass="emph" presetSubtype="2" fill="hold" grpId="0" nodeType="withEffect">
                                  <p:stCondLst>
                                    <p:cond delay="20000"/>
                                  </p:stCondLst>
                                  <p:childTnLst>
                                    <p:animClr clrSpc="rgb" dir="cw">
                                      <p:cBhvr override="childStyle">
                                        <p:cTn id="10" dur="20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color</p:attrName>
                                        </p:attrNameLst>
                                      </p:cBhvr>
                                      <p:to>
                                        <a:schemeClr val="tx1"/>
                                      </p:to>
                                    </p:animClr>
                                  </p:childTnLst>
                                  <p:subTnLst>
                                    <p:animClr clrSpc="rgb" dir="cw">
                                      <p:cBhvr override="childStyle">
                                        <p:cTn dur="1" fill="hold" display="0" masterRel="nextClick" afterEffect="1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c</p:attrName>
                                        </p:attrNameLst>
                                      </p:cBhvr>
                                      <p:to>
                                        <a:srgbClr val="B2B2B2"/>
                                      </p:to>
                                    </p:animClr>
                                  </p:sub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63" presetClass="path" presetSubtype="0" accel="50000" decel="50000" fill="hold" grpId="1" nodeType="clickEffect">
                                  <p:stCondLst>
                                    <p:cond delay="20000"/>
                                  </p:stCondLst>
                                  <p:childTnLst>
                                    <p:animMotion origin="layout" path="M 0.19545 -2.85714E-6 L 0.40178 -0.00286 " pathEditMode="relative" rAng="0" ptsTypes="AA">
                                      <p:cBhvr>
                                        <p:cTn id="14" dur="20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x</p:attrName>
                                          <p:attrName>ppt_y</p:attrName>
                                        </p:attrNameLst>
                                      </p:cBhvr>
                                      <p:rCtr x="10112" y="0"/>
                                    </p:animMotion>
                                  </p:childTnLst>
                                </p:cTn>
                              </p:par>
                              <p:par>
                                <p:cTn id="15" presetID="3" presetClass="emph" presetSubtype="2" fill="hold" grpId="0" nodeType="withEffect">
                                  <p:stCondLst>
                                    <p:cond delay="30000"/>
                                  </p:stCondLst>
                                  <p:childTnLst>
                                    <p:animClr clrSpc="rgb" dir="cw">
                                      <p:cBhvr override="childStyle">
                                        <p:cTn id="16" dur="20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color</p:attrName>
                                        </p:attrNameLst>
                                      </p:cBhvr>
                                      <p:to>
                                        <a:schemeClr val="tx1"/>
                                      </p:to>
                                    </p:animClr>
                                  </p:childTnLst>
                                  <p:subTnLst>
                                    <p:animClr clrSpc="rgb" dir="cw">
                                      <p:cBhvr override="childStyle">
                                        <p:cTn dur="1" fill="hold" display="0" masterRel="nextClick" afterEffect="1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c</p:attrName>
                                        </p:attrNameLst>
                                      </p:cBhvr>
                                      <p:to>
                                        <a:srgbClr val="B2B2B2"/>
                                      </p:to>
                                    </p:animClr>
                                  </p:sub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7" fill="hold">
                      <p:stCondLst>
                        <p:cond delay="indefinite"/>
                      </p:stCondLst>
                      <p:childTnLst>
                        <p:par>
                          <p:cTn id="18" fill="hold">
                            <p:stCondLst>
                              <p:cond delay="0"/>
                            </p:stCondLst>
                            <p:childTnLst>
                              <p:par>
                                <p:cTn id="19" presetID="63" presetClass="path" presetSubtype="0" accel="50000" decel="50000" fill="hold" grpId="2" nodeType="clickEffect">
                                  <p:stCondLst>
                                    <p:cond delay="14500"/>
                                  </p:stCondLst>
                                  <p:childTnLst>
                                    <p:animMotion origin="layout" path="M 0.40512 -0.00264 L 0.60688 -0.00264 " pathEditMode="relative" rAng="0" ptsTypes="AA">
                                      <p:cBhvr>
                                        <p:cTn id="20" dur="20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x</p:attrName>
                                          <p:attrName>ppt_y</p:attrName>
                                        </p:attrNameLst>
                                      </p:cBhvr>
                                      <p:rCtr x="10088" y="0"/>
                                    </p:animMotion>
                                  </p:childTnLst>
                                </p:cTn>
                              </p:par>
                              <p:par>
                                <p:cTn id="21" presetID="3" presetClass="emph" presetSubtype="2" fill="hold" grpId="0" nodeType="withEffect">
                                  <p:stCondLst>
                                    <p:cond delay="30000"/>
                                  </p:stCondLst>
                                  <p:childTnLst>
                                    <p:animClr clrSpc="rgb" dir="cw">
                                      <p:cBhvr override="childStyle">
                                        <p:cTn id="22" dur="20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color</p:attrName>
                                        </p:attrNameLst>
                                      </p:cBhvr>
                                      <p:to>
                                        <a:schemeClr val="tx1"/>
                                      </p:to>
                                    </p:animClr>
                                  </p:childTnLst>
                                  <p:subTnLst>
                                    <p:animClr clrSpc="rgb" dir="cw">
                                      <p:cBhvr override="childStyle">
                                        <p:cTn dur="1" fill="hold" display="0" masterRel="nextClick" afterEffect="1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c</p:attrName>
                                        </p:attrNameLst>
                                      </p:cBhvr>
                                      <p:to>
                                        <a:srgbClr val="B2B2B2"/>
                                      </p:to>
                                    </p:animClr>
                                  </p:sub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63" presetClass="path" presetSubtype="0" accel="50000" decel="50000" fill="hold" grpId="3" nodeType="clickEffect">
                                  <p:stCondLst>
                                    <p:cond delay="20000"/>
                                  </p:stCondLst>
                                  <p:childTnLst>
                                    <p:animMotion origin="layout" path="M 0.60824 -0.00198 L 0.80467 -0.00198 " pathEditMode="relative" rAng="0" ptsTypes="AA">
                                      <p:cBhvr>
                                        <p:cTn id="26" dur="20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x</p:attrName>
                                          <p:attrName>ppt_y</p:attrName>
                                        </p:attrNameLst>
                                      </p:cBhvr>
                                      <p:rCtr x="9816" y="0"/>
                                    </p:animMotion>
                                  </p:childTnLst>
                                </p:cTn>
                              </p:par>
                              <p:par>
                                <p:cTn id="27" presetID="3" presetClass="emph" presetSubtype="2" fill="hold" grpId="0" nodeType="withEffect">
                                  <p:stCondLst>
                                    <p:cond delay="30000"/>
                                  </p:stCondLst>
                                  <p:childTnLst>
                                    <p:animClr clrSpc="rgb" dir="cw">
                                      <p:cBhvr override="childStyle">
                                        <p:cTn id="28" dur="1000" fill="hold"/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color</p:attrName>
                                        </p:attrNameLst>
                                      </p:cBhvr>
                                      <p:to>
                                        <a:schemeClr val="tx1"/>
                                      </p:to>
                                    </p:animClr>
                                  </p:childTnLst>
                                  <p:subTnLst>
                                    <p:animClr clrSpc="rgb" dir="cw">
                                      <p:cBhvr override="childStyle">
                                        <p:cTn dur="1" fill="hold" display="0" masterRel="nextClick" afterEffect="1"/>
                                        <p:tgtEl>
                                          <p:spTgt spid="21"/>
                                        </p:tgtEl>
                                        <p:attrNameLst>
                                          <p:attrName>ppt_c</p:attrName>
                                        </p:attrNameLst>
                                      </p:cBhvr>
                                      <p:to>
                                        <a:schemeClr val="tx1"/>
                                      </p:to>
                                    </p:animClr>
                                  </p:sub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/>
      <p:bldP spid="9" grpId="0"/>
      <p:bldP spid="12" grpId="0"/>
      <p:bldP spid="17" grpId="0"/>
      <p:bldP spid="21" grpId="0"/>
      <p:bldP spid="3" grpId="0" animBg="1"/>
      <p:bldP spid="3" grpId="1" animBg="1"/>
      <p:bldP spid="3" grpId="2" animBg="1"/>
      <p:bldP spid="3" grpId="3" animBg="1"/>
    </p:bld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1">
            <a:extLst>
              <a:ext uri="{FF2B5EF4-FFF2-40B4-BE49-F238E27FC236}">
                <a16:creationId xmlns:a16="http://schemas.microsoft.com/office/drawing/2014/main" id="{D5B1C0A7-38E7-4248-A5DE-0D739461F8F3}"/>
              </a:ext>
            </a:extLst>
          </p:cNvPr>
          <p:cNvSpPr txBox="1">
            <a:spLocks/>
          </p:cNvSpPr>
          <p:nvPr/>
        </p:nvSpPr>
        <p:spPr bwMode="gray">
          <a:xfrm>
            <a:off x="236498" y="308222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REVENUES from the business are used for Six primary purposes  </a:t>
            </a:r>
          </a:p>
        </p:txBody>
      </p:sp>
      <p:sp>
        <p:nvSpPr>
          <p:cNvPr id="90" name="Rectangle 89">
            <a:extLst>
              <a:ext uri="{FF2B5EF4-FFF2-40B4-BE49-F238E27FC236}">
                <a16:creationId xmlns:a16="http://schemas.microsoft.com/office/drawing/2014/main" id="{71DD3773-4531-455B-A4A2-F75C3C562388}"/>
              </a:ext>
            </a:extLst>
          </p:cNvPr>
          <p:cNvSpPr/>
          <p:nvPr/>
        </p:nvSpPr>
        <p:spPr>
          <a:xfrm>
            <a:off x="4318138" y="1482105"/>
            <a:ext cx="4032072" cy="432000"/>
          </a:xfrm>
          <a:prstGeom prst="rect">
            <a:avLst/>
          </a:prstGeom>
          <a:solidFill>
            <a:srgbClr val="009051"/>
          </a:solidFill>
          <a:ln w="12700" cap="flat" cmpd="sng" algn="ctr">
            <a:solidFill>
              <a:srgbClr val="009051"/>
            </a:solidFill>
            <a:prstDash val="solid"/>
            <a:miter lim="800000"/>
          </a:ln>
          <a:effectLst/>
        </p:spPr>
        <p:txBody>
          <a:bodyPr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ea typeface="+mn-ea"/>
                <a:cs typeface="+mn-cs"/>
              </a:rPr>
              <a:t>Private investors </a:t>
            </a:r>
          </a:p>
        </p:txBody>
      </p:sp>
      <p:sp>
        <p:nvSpPr>
          <p:cNvPr id="91" name="Rectangle 90">
            <a:extLst>
              <a:ext uri="{FF2B5EF4-FFF2-40B4-BE49-F238E27FC236}">
                <a16:creationId xmlns:a16="http://schemas.microsoft.com/office/drawing/2014/main" id="{1B17823D-D67A-4F50-A8E4-86AD741CD112}"/>
              </a:ext>
            </a:extLst>
          </p:cNvPr>
          <p:cNvSpPr/>
          <p:nvPr/>
        </p:nvSpPr>
        <p:spPr>
          <a:xfrm>
            <a:off x="4318138" y="2100691"/>
            <a:ext cx="4032072" cy="431800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000000"/>
                </a:solidFill>
              </a:rPr>
              <a:t>Special Purpose Vehicle (SPV)</a:t>
            </a:r>
          </a:p>
        </p:txBody>
      </p:sp>
      <p:sp>
        <p:nvSpPr>
          <p:cNvPr id="94" name="TextBox 93">
            <a:extLst>
              <a:ext uri="{FF2B5EF4-FFF2-40B4-BE49-F238E27FC236}">
                <a16:creationId xmlns:a16="http://schemas.microsoft.com/office/drawing/2014/main" id="{815BB1C2-D2AC-4405-8B87-9FB4FF21CD14}"/>
              </a:ext>
            </a:extLst>
          </p:cNvPr>
          <p:cNvSpPr txBox="1"/>
          <p:nvPr/>
        </p:nvSpPr>
        <p:spPr>
          <a:xfrm>
            <a:off x="8783882" y="1780393"/>
            <a:ext cx="2837701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</a:rPr>
              <a:t>Equity Return at exit </a:t>
            </a:r>
          </a:p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</a:rPr>
              <a:t>(~6% for 10y, ~10% for 20y)</a:t>
            </a:r>
          </a:p>
        </p:txBody>
      </p:sp>
      <p:sp>
        <p:nvSpPr>
          <p:cNvPr id="95" name="TextBox 94">
            <a:extLst>
              <a:ext uri="{FF2B5EF4-FFF2-40B4-BE49-F238E27FC236}">
                <a16:creationId xmlns:a16="http://schemas.microsoft.com/office/drawing/2014/main" id="{1D172142-17F0-4ECA-ADA1-60EAD0817253}"/>
              </a:ext>
            </a:extLst>
          </p:cNvPr>
          <p:cNvSpPr txBox="1"/>
          <p:nvPr/>
        </p:nvSpPr>
        <p:spPr>
          <a:xfrm>
            <a:off x="509416" y="1812047"/>
            <a:ext cx="3213809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</a:rPr>
              <a:t>Total Fund Raised: Pilot: $1.6 Million</a:t>
            </a:r>
            <a:b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</a:rPr>
            </a:b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</a:rPr>
              <a:t>5 Follow-on Tranches: $10 million each</a:t>
            </a:r>
          </a:p>
        </p:txBody>
      </p:sp>
      <p:sp>
        <p:nvSpPr>
          <p:cNvPr id="96" name="Rectangle 95">
            <a:extLst>
              <a:ext uri="{FF2B5EF4-FFF2-40B4-BE49-F238E27FC236}">
                <a16:creationId xmlns:a16="http://schemas.microsoft.com/office/drawing/2014/main" id="{0CAB8673-D459-4182-BF5E-957C89E793BA}"/>
              </a:ext>
            </a:extLst>
          </p:cNvPr>
          <p:cNvSpPr/>
          <p:nvPr/>
        </p:nvSpPr>
        <p:spPr>
          <a:xfrm>
            <a:off x="2146610" y="2957778"/>
            <a:ext cx="3052227" cy="432000"/>
          </a:xfrm>
          <a:prstGeom prst="rect">
            <a:avLst/>
          </a:prstGeom>
          <a:solidFill>
            <a:srgbClr val="009051"/>
          </a:solidFill>
          <a:ln w="12700" cap="flat" cmpd="sng" algn="ctr">
            <a:solidFill>
              <a:srgbClr val="009051"/>
            </a:solidFill>
            <a:prstDash val="solid"/>
            <a:miter lim="800000"/>
          </a:ln>
          <a:effectLst/>
        </p:spPr>
        <p:txBody>
          <a:bodyPr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ea typeface="+mn-ea"/>
                <a:cs typeface="+mn-cs"/>
              </a:rPr>
              <a:t>Land Purchased from Landlords</a:t>
            </a:r>
          </a:p>
        </p:txBody>
      </p:sp>
      <p:sp>
        <p:nvSpPr>
          <p:cNvPr id="97" name="Rectangle 96">
            <a:extLst>
              <a:ext uri="{FF2B5EF4-FFF2-40B4-BE49-F238E27FC236}">
                <a16:creationId xmlns:a16="http://schemas.microsoft.com/office/drawing/2014/main" id="{B85C0B8E-A997-4157-9565-AEC1B3F16E84}"/>
              </a:ext>
            </a:extLst>
          </p:cNvPr>
          <p:cNvSpPr/>
          <p:nvPr/>
        </p:nvSpPr>
        <p:spPr>
          <a:xfrm>
            <a:off x="7645761" y="2957778"/>
            <a:ext cx="3052227" cy="432000"/>
          </a:xfrm>
          <a:prstGeom prst="rect">
            <a:avLst/>
          </a:prstGeom>
          <a:solidFill>
            <a:srgbClr val="009051"/>
          </a:solidFill>
          <a:ln w="12700" cap="flat" cmpd="sng" algn="ctr">
            <a:solidFill>
              <a:srgbClr val="009051"/>
            </a:solidFill>
            <a:prstDash val="solid"/>
            <a:miter lim="800000"/>
          </a:ln>
          <a:effectLst/>
        </p:spPr>
        <p:txBody>
          <a:bodyPr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ea typeface="+mn-ea"/>
                <a:cs typeface="+mn-cs"/>
              </a:rPr>
              <a:t>Equipment and Capacity Building</a:t>
            </a:r>
          </a:p>
        </p:txBody>
      </p:sp>
      <p:sp>
        <p:nvSpPr>
          <p:cNvPr id="98" name="Rectangle 97">
            <a:extLst>
              <a:ext uri="{FF2B5EF4-FFF2-40B4-BE49-F238E27FC236}">
                <a16:creationId xmlns:a16="http://schemas.microsoft.com/office/drawing/2014/main" id="{5C7D90BD-2303-4805-99C5-DE6CC54467AE}"/>
              </a:ext>
            </a:extLst>
          </p:cNvPr>
          <p:cNvSpPr/>
          <p:nvPr/>
        </p:nvSpPr>
        <p:spPr>
          <a:xfrm>
            <a:off x="3946574" y="3884082"/>
            <a:ext cx="4775200" cy="432000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000000"/>
                </a:solidFill>
              </a:rPr>
              <a:t>Higher Revenues using Advanced Agricultural Techniques</a:t>
            </a:r>
          </a:p>
        </p:txBody>
      </p:sp>
      <p:sp>
        <p:nvSpPr>
          <p:cNvPr id="101" name="Rectangle 100">
            <a:extLst>
              <a:ext uri="{FF2B5EF4-FFF2-40B4-BE49-F238E27FC236}">
                <a16:creationId xmlns:a16="http://schemas.microsoft.com/office/drawing/2014/main" id="{9344CD6B-F575-460F-9D24-E531F07F694A}"/>
              </a:ext>
            </a:extLst>
          </p:cNvPr>
          <p:cNvSpPr/>
          <p:nvPr/>
        </p:nvSpPr>
        <p:spPr>
          <a:xfrm>
            <a:off x="327693" y="4818634"/>
            <a:ext cx="1836000" cy="431800"/>
          </a:xfrm>
          <a:prstGeom prst="rect">
            <a:avLst/>
          </a:prstGeom>
          <a:solidFill>
            <a:srgbClr val="009051"/>
          </a:solidFill>
          <a:ln w="12700" cap="flat" cmpd="sng" algn="ctr">
            <a:solidFill>
              <a:srgbClr val="009051"/>
            </a:solidFill>
            <a:prstDash val="solid"/>
            <a:miter lim="800000"/>
          </a:ln>
          <a:effectLst/>
        </p:spPr>
        <p:txBody>
          <a:bodyPr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ea typeface="+mn-ea"/>
                <a:cs typeface="+mn-cs"/>
              </a:rPr>
              <a:t>Business Surplus</a:t>
            </a:r>
          </a:p>
        </p:txBody>
      </p:sp>
      <p:sp>
        <p:nvSpPr>
          <p:cNvPr id="102" name="Rectangle 101">
            <a:extLst>
              <a:ext uri="{FF2B5EF4-FFF2-40B4-BE49-F238E27FC236}">
                <a16:creationId xmlns:a16="http://schemas.microsoft.com/office/drawing/2014/main" id="{641F46AD-5028-4B70-AC64-6037FB164D96}"/>
              </a:ext>
            </a:extLst>
          </p:cNvPr>
          <p:cNvSpPr/>
          <p:nvPr/>
        </p:nvSpPr>
        <p:spPr>
          <a:xfrm>
            <a:off x="4478049" y="4818634"/>
            <a:ext cx="1836000" cy="431800"/>
          </a:xfrm>
          <a:prstGeom prst="rect">
            <a:avLst/>
          </a:prstGeom>
          <a:solidFill>
            <a:srgbClr val="009051"/>
          </a:solidFill>
          <a:ln w="12700" cap="flat" cmpd="sng" algn="ctr">
            <a:solidFill>
              <a:srgbClr val="009051"/>
            </a:solidFill>
            <a:prstDash val="solid"/>
            <a:miter lim="800000"/>
          </a:ln>
          <a:effectLst/>
        </p:spPr>
        <p:txBody>
          <a:bodyPr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ea typeface="+mn-ea"/>
                <a:cs typeface="+mn-cs"/>
              </a:rPr>
              <a:t>Farmer income</a:t>
            </a:r>
          </a:p>
        </p:txBody>
      </p:sp>
      <p:sp>
        <p:nvSpPr>
          <p:cNvPr id="103" name="Rectangle 102">
            <a:extLst>
              <a:ext uri="{FF2B5EF4-FFF2-40B4-BE49-F238E27FC236}">
                <a16:creationId xmlns:a16="http://schemas.microsoft.com/office/drawing/2014/main" id="{49B33B54-1C18-4B03-A825-C447B502DF28}"/>
              </a:ext>
            </a:extLst>
          </p:cNvPr>
          <p:cNvSpPr/>
          <p:nvPr/>
        </p:nvSpPr>
        <p:spPr>
          <a:xfrm>
            <a:off x="6553227" y="4818634"/>
            <a:ext cx="1836000" cy="431800"/>
          </a:xfrm>
          <a:prstGeom prst="rect">
            <a:avLst/>
          </a:prstGeom>
          <a:solidFill>
            <a:srgbClr val="009051"/>
          </a:solidFill>
          <a:ln w="12700" cap="flat" cmpd="sng" algn="ctr">
            <a:solidFill>
              <a:srgbClr val="009051"/>
            </a:solidFill>
            <a:prstDash val="solid"/>
            <a:miter lim="800000"/>
          </a:ln>
          <a:effectLst/>
        </p:spPr>
        <p:txBody>
          <a:bodyPr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ea typeface="+mn-ea"/>
                <a:cs typeface="+mn-cs"/>
              </a:rPr>
              <a:t>Management Fees</a:t>
            </a:r>
          </a:p>
        </p:txBody>
      </p:sp>
      <p:sp>
        <p:nvSpPr>
          <p:cNvPr id="104" name="Rectangle 103">
            <a:extLst>
              <a:ext uri="{FF2B5EF4-FFF2-40B4-BE49-F238E27FC236}">
                <a16:creationId xmlns:a16="http://schemas.microsoft.com/office/drawing/2014/main" id="{6A547E7A-A94A-4CFA-B7A8-FD645A27F782}"/>
              </a:ext>
            </a:extLst>
          </p:cNvPr>
          <p:cNvSpPr/>
          <p:nvPr/>
        </p:nvSpPr>
        <p:spPr>
          <a:xfrm>
            <a:off x="8628405" y="4818634"/>
            <a:ext cx="1836000" cy="431800"/>
          </a:xfrm>
          <a:prstGeom prst="rect">
            <a:avLst/>
          </a:prstGeom>
          <a:solidFill>
            <a:srgbClr val="009051"/>
          </a:solidFill>
          <a:ln w="12700" cap="flat" cmpd="sng" algn="ctr">
            <a:solidFill>
              <a:srgbClr val="009051"/>
            </a:solidFill>
            <a:prstDash val="solid"/>
            <a:miter lim="800000"/>
          </a:ln>
          <a:effectLst/>
        </p:spPr>
        <p:txBody>
          <a:bodyPr rtlCol="0" anchor="ctr"/>
          <a:lstStyle/>
          <a:p>
            <a:pPr lvl="0" algn="ctr">
              <a:defRPr/>
            </a:pPr>
            <a:r>
              <a:rPr lang="en-US" sz="1200" kern="0" dirty="0">
                <a:solidFill>
                  <a:prstClr val="white"/>
                </a:solidFill>
              </a:rPr>
              <a:t>Community Development Fund</a:t>
            </a:r>
          </a:p>
        </p:txBody>
      </p:sp>
      <p:sp>
        <p:nvSpPr>
          <p:cNvPr id="105" name="Rectangle 104">
            <a:extLst>
              <a:ext uri="{FF2B5EF4-FFF2-40B4-BE49-F238E27FC236}">
                <a16:creationId xmlns:a16="http://schemas.microsoft.com/office/drawing/2014/main" id="{89699C9B-B898-4B9E-9D52-F5E5B53D1358}"/>
              </a:ext>
            </a:extLst>
          </p:cNvPr>
          <p:cNvSpPr/>
          <p:nvPr/>
        </p:nvSpPr>
        <p:spPr>
          <a:xfrm>
            <a:off x="2402871" y="4818634"/>
            <a:ext cx="1836000" cy="431800"/>
          </a:xfrm>
          <a:prstGeom prst="rect">
            <a:avLst/>
          </a:prstGeom>
          <a:solidFill>
            <a:srgbClr val="009051"/>
          </a:solidFill>
          <a:ln w="12700" cap="flat" cmpd="sng" algn="ctr">
            <a:solidFill>
              <a:srgbClr val="009051"/>
            </a:solidFill>
            <a:prstDash val="solid"/>
            <a:miter lim="800000"/>
          </a:ln>
          <a:effectLst/>
        </p:spPr>
        <p:txBody>
          <a:bodyPr rtlCol="0" anchor="ctr"/>
          <a:lstStyle/>
          <a:p>
            <a:pPr lvl="0" algn="ctr">
              <a:defRPr/>
            </a:pPr>
            <a:r>
              <a:rPr lang="en-US" sz="1200" kern="0" dirty="0">
                <a:solidFill>
                  <a:prstClr val="white"/>
                </a:solidFill>
              </a:rPr>
              <a:t>Farm Expenses</a:t>
            </a:r>
          </a:p>
        </p:txBody>
      </p:sp>
      <p:sp>
        <p:nvSpPr>
          <p:cNvPr id="106" name="Rectangle 105">
            <a:extLst>
              <a:ext uri="{FF2B5EF4-FFF2-40B4-BE49-F238E27FC236}">
                <a16:creationId xmlns:a16="http://schemas.microsoft.com/office/drawing/2014/main" id="{456ABE8B-40BA-4115-81D9-EED74F89C0EE}"/>
              </a:ext>
            </a:extLst>
          </p:cNvPr>
          <p:cNvSpPr/>
          <p:nvPr/>
        </p:nvSpPr>
        <p:spPr>
          <a:xfrm>
            <a:off x="10703583" y="4818634"/>
            <a:ext cx="1836000" cy="431800"/>
          </a:xfrm>
          <a:prstGeom prst="rect">
            <a:avLst/>
          </a:prstGeom>
          <a:solidFill>
            <a:srgbClr val="009051"/>
          </a:solidFill>
          <a:ln w="12700" cap="flat" cmpd="sng" algn="ctr">
            <a:solidFill>
              <a:srgbClr val="009051"/>
            </a:solidFill>
            <a:prstDash val="solid"/>
            <a:miter lim="800000"/>
          </a:ln>
          <a:effectLst/>
        </p:spPr>
        <p:txBody>
          <a:bodyPr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200" kern="0" dirty="0">
                <a:solidFill>
                  <a:prstClr val="white"/>
                </a:solidFill>
              </a:rPr>
              <a:t>In</a:t>
            </a:r>
            <a:r>
              <a:rPr kumimoji="0" lang="en-US" sz="1200" b="0" i="0" u="none" strike="noStrike" kern="0" cap="none" spc="0" normalizeH="0" baseline="0" noProof="0" dirty="0" err="1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ea typeface="+mn-ea"/>
                <a:cs typeface="+mn-cs"/>
              </a:rPr>
              <a:t>vestor</a:t>
            </a: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ea typeface="+mn-ea"/>
                <a:cs typeface="+mn-cs"/>
              </a:rPr>
              <a:t> Returns</a:t>
            </a:r>
          </a:p>
        </p:txBody>
      </p:sp>
      <p:cxnSp>
        <p:nvCxnSpPr>
          <p:cNvPr id="109" name="Elbow Connector 73">
            <a:extLst>
              <a:ext uri="{FF2B5EF4-FFF2-40B4-BE49-F238E27FC236}">
                <a16:creationId xmlns:a16="http://schemas.microsoft.com/office/drawing/2014/main" id="{A60CE566-DF7D-4553-A8ED-646A4B6C2EF0}"/>
              </a:ext>
            </a:extLst>
          </p:cNvPr>
          <p:cNvCxnSpPr>
            <a:cxnSpLocks/>
            <a:stCxn id="101" idx="1"/>
            <a:endCxn id="96" idx="1"/>
          </p:cNvCxnSpPr>
          <p:nvPr/>
        </p:nvCxnSpPr>
        <p:spPr>
          <a:xfrm rot="10800000" flipH="1">
            <a:off x="327692" y="3173778"/>
            <a:ext cx="1818917" cy="1860756"/>
          </a:xfrm>
          <a:prstGeom prst="bentConnector3">
            <a:avLst>
              <a:gd name="adj1" fmla="val -12568"/>
            </a:avLst>
          </a:prstGeom>
          <a:noFill/>
          <a:ln w="28575" cap="flat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miter lim="800000"/>
            <a:tailEnd type="triangle"/>
          </a:ln>
          <a:effectLst/>
        </p:spPr>
      </p:cxnSp>
      <p:sp>
        <p:nvSpPr>
          <p:cNvPr id="110" name="TextBox 109">
            <a:extLst>
              <a:ext uri="{FF2B5EF4-FFF2-40B4-BE49-F238E27FC236}">
                <a16:creationId xmlns:a16="http://schemas.microsoft.com/office/drawing/2014/main" id="{3DA6D18C-64C5-4284-AEEC-1879B859E18C}"/>
              </a:ext>
            </a:extLst>
          </p:cNvPr>
          <p:cNvSpPr txBox="1"/>
          <p:nvPr/>
        </p:nvSpPr>
        <p:spPr>
          <a:xfrm rot="5400000">
            <a:off x="-590309" y="3765169"/>
            <a:ext cx="1836000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</a:rPr>
              <a:t>Reinvestment back into the Land Pool</a:t>
            </a:r>
          </a:p>
        </p:txBody>
      </p:sp>
      <p:sp>
        <p:nvSpPr>
          <p:cNvPr id="111" name="Rectangle 110">
            <a:extLst>
              <a:ext uri="{FF2B5EF4-FFF2-40B4-BE49-F238E27FC236}">
                <a16:creationId xmlns:a16="http://schemas.microsoft.com/office/drawing/2014/main" id="{88F05850-744D-4635-A1A7-D40C03D9D507}"/>
              </a:ext>
            </a:extLst>
          </p:cNvPr>
          <p:cNvSpPr/>
          <p:nvPr/>
        </p:nvSpPr>
        <p:spPr>
          <a:xfrm>
            <a:off x="8643482" y="5319089"/>
            <a:ext cx="1836000" cy="601402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000000"/>
                </a:solidFill>
              </a:rPr>
              <a:t>Invested in development of amenities in the area</a:t>
            </a:r>
          </a:p>
        </p:txBody>
      </p:sp>
      <p:cxnSp>
        <p:nvCxnSpPr>
          <p:cNvPr id="124" name="Connector: Elbow 123">
            <a:extLst>
              <a:ext uri="{FF2B5EF4-FFF2-40B4-BE49-F238E27FC236}">
                <a16:creationId xmlns:a16="http://schemas.microsoft.com/office/drawing/2014/main" id="{7DC6543C-B8BB-40F4-AEBE-E1DE6B874DCC}"/>
              </a:ext>
            </a:extLst>
          </p:cNvPr>
          <p:cNvCxnSpPr>
            <a:cxnSpLocks/>
            <a:stCxn id="96" idx="2"/>
            <a:endCxn id="98" idx="0"/>
          </p:cNvCxnSpPr>
          <p:nvPr/>
        </p:nvCxnSpPr>
        <p:spPr>
          <a:xfrm rot="16200000" flipH="1">
            <a:off x="4756297" y="2306205"/>
            <a:ext cx="494304" cy="2661450"/>
          </a:xfrm>
          <a:prstGeom prst="bentConnector3">
            <a:avLst/>
          </a:prstGeom>
          <a:noFill/>
          <a:ln w="28575" cap="flat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miter lim="800000"/>
            <a:tailEnd type="triangle"/>
          </a:ln>
          <a:effectLst/>
        </p:spPr>
      </p:cxnSp>
      <p:cxnSp>
        <p:nvCxnSpPr>
          <p:cNvPr id="125" name="Connector: Elbow 124">
            <a:extLst>
              <a:ext uri="{FF2B5EF4-FFF2-40B4-BE49-F238E27FC236}">
                <a16:creationId xmlns:a16="http://schemas.microsoft.com/office/drawing/2014/main" id="{2C46DE4B-2868-4957-BEA3-C5C70BCCF455}"/>
              </a:ext>
            </a:extLst>
          </p:cNvPr>
          <p:cNvCxnSpPr>
            <a:cxnSpLocks/>
            <a:stCxn id="97" idx="2"/>
            <a:endCxn id="98" idx="0"/>
          </p:cNvCxnSpPr>
          <p:nvPr/>
        </p:nvCxnSpPr>
        <p:spPr>
          <a:xfrm rot="5400000">
            <a:off x="7505873" y="2218080"/>
            <a:ext cx="494304" cy="2837701"/>
          </a:xfrm>
          <a:prstGeom prst="bentConnector3">
            <a:avLst/>
          </a:prstGeom>
          <a:noFill/>
          <a:ln w="28575" cap="flat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miter lim="800000"/>
            <a:tailEnd type="triangle"/>
          </a:ln>
          <a:effectLst/>
        </p:spPr>
      </p:cxnSp>
      <p:cxnSp>
        <p:nvCxnSpPr>
          <p:cNvPr id="126" name="Connector: Elbow 125">
            <a:extLst>
              <a:ext uri="{FF2B5EF4-FFF2-40B4-BE49-F238E27FC236}">
                <a16:creationId xmlns:a16="http://schemas.microsoft.com/office/drawing/2014/main" id="{248B39D4-3603-447D-B149-107CA8B1351F}"/>
              </a:ext>
            </a:extLst>
          </p:cNvPr>
          <p:cNvCxnSpPr>
            <a:cxnSpLocks/>
            <a:stCxn id="91" idx="2"/>
            <a:endCxn id="96" idx="0"/>
          </p:cNvCxnSpPr>
          <p:nvPr/>
        </p:nvCxnSpPr>
        <p:spPr>
          <a:xfrm rot="5400000">
            <a:off x="4790806" y="1414409"/>
            <a:ext cx="425287" cy="2661450"/>
          </a:xfrm>
          <a:prstGeom prst="bentConnector3">
            <a:avLst/>
          </a:prstGeom>
          <a:noFill/>
          <a:ln w="28575" cap="flat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miter lim="800000"/>
            <a:tailEnd type="triangle"/>
          </a:ln>
          <a:effectLst/>
        </p:spPr>
      </p:cxnSp>
      <p:cxnSp>
        <p:nvCxnSpPr>
          <p:cNvPr id="127" name="Connector: Elbow 126">
            <a:extLst>
              <a:ext uri="{FF2B5EF4-FFF2-40B4-BE49-F238E27FC236}">
                <a16:creationId xmlns:a16="http://schemas.microsoft.com/office/drawing/2014/main" id="{A9322349-BDEB-48CF-A61D-CA321C4E7E7D}"/>
              </a:ext>
            </a:extLst>
          </p:cNvPr>
          <p:cNvCxnSpPr>
            <a:cxnSpLocks/>
            <a:stCxn id="91" idx="2"/>
            <a:endCxn id="97" idx="0"/>
          </p:cNvCxnSpPr>
          <p:nvPr/>
        </p:nvCxnSpPr>
        <p:spPr>
          <a:xfrm rot="16200000" flipH="1">
            <a:off x="7540381" y="1326283"/>
            <a:ext cx="425287" cy="2837701"/>
          </a:xfrm>
          <a:prstGeom prst="bentConnector3">
            <a:avLst/>
          </a:prstGeom>
          <a:noFill/>
          <a:ln w="28575" cap="flat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miter lim="800000"/>
            <a:tailEnd type="triangle"/>
          </a:ln>
          <a:effectLst/>
        </p:spPr>
      </p:cxnSp>
      <p:sp>
        <p:nvSpPr>
          <p:cNvPr id="66" name="TextBox 65">
            <a:extLst>
              <a:ext uri="{FF2B5EF4-FFF2-40B4-BE49-F238E27FC236}">
                <a16:creationId xmlns:a16="http://schemas.microsoft.com/office/drawing/2014/main" id="{7F879B13-ADC7-44F5-B4EB-826C7D4A36DC}"/>
              </a:ext>
            </a:extLst>
          </p:cNvPr>
          <p:cNvSpPr txBox="1"/>
          <p:nvPr/>
        </p:nvSpPr>
        <p:spPr>
          <a:xfrm flipH="1">
            <a:off x="325389" y="6313714"/>
            <a:ext cx="3158027" cy="765200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IN" sz="900" i="1" baseline="30000" dirty="0">
                <a:solidFill>
                  <a:srgbClr val="000000"/>
                </a:solidFill>
                <a:latin typeface="Verdana" panose="020B0604030504040204" pitchFamily="34" charset="0"/>
              </a:rPr>
              <a:t>1</a:t>
            </a:r>
            <a:r>
              <a:rPr lang="en-IN" sz="900" i="1" dirty="0">
                <a:solidFill>
                  <a:srgbClr val="000000"/>
                </a:solidFill>
                <a:latin typeface="Verdana" panose="020B0604030504040204" pitchFamily="34" charset="0"/>
              </a:rPr>
              <a:t>Increased annually as per inflation</a:t>
            </a:r>
          </a:p>
          <a:p>
            <a:r>
              <a:rPr lang="en-IN" sz="900" i="1" baseline="30000" dirty="0">
                <a:solidFill>
                  <a:srgbClr val="000000"/>
                </a:solidFill>
                <a:latin typeface="Verdana" panose="020B0604030504040204" pitchFamily="34" charset="0"/>
              </a:rPr>
              <a:t>2</a:t>
            </a:r>
            <a:r>
              <a:rPr lang="en-IN" sz="900" i="1" dirty="0">
                <a:solidFill>
                  <a:srgbClr val="000000"/>
                </a:solidFill>
                <a:latin typeface="Verdana" panose="020B0604030504040204" pitchFamily="34" charset="0"/>
              </a:rPr>
              <a:t>Assumption: Land prices will change as per inflation</a:t>
            </a:r>
          </a:p>
          <a:p>
            <a:r>
              <a:rPr lang="en-IN" sz="900" i="1" baseline="30000" dirty="0">
                <a:solidFill>
                  <a:srgbClr val="000000"/>
                </a:solidFill>
                <a:latin typeface="Verdana" panose="020B0604030504040204" pitchFamily="34" charset="0"/>
              </a:rPr>
              <a:t>3A</a:t>
            </a:r>
            <a:r>
              <a:rPr lang="en-IN" sz="900" i="1" dirty="0">
                <a:solidFill>
                  <a:srgbClr val="000000"/>
                </a:solidFill>
                <a:latin typeface="Verdana" panose="020B0604030504040204" pitchFamily="34" charset="0"/>
              </a:rPr>
              <a:t>nnual investment as per the land price</a:t>
            </a:r>
          </a:p>
          <a:p>
            <a:r>
              <a:rPr lang="en-IN" sz="900" i="1" baseline="30000" dirty="0">
                <a:solidFill>
                  <a:srgbClr val="000000"/>
                </a:solidFill>
                <a:latin typeface="Verdana" panose="020B0604030504040204" pitchFamily="34" charset="0"/>
              </a:rPr>
              <a:t>4</a:t>
            </a:r>
            <a:r>
              <a:rPr lang="en-IN" sz="900" i="1" dirty="0">
                <a:solidFill>
                  <a:srgbClr val="000000"/>
                </a:solidFill>
                <a:latin typeface="Verdana" panose="020B0604030504040204" pitchFamily="34" charset="0"/>
              </a:rPr>
              <a:t>Land Value Under Management</a:t>
            </a:r>
          </a:p>
          <a:p>
            <a:r>
              <a:rPr lang="en-IN" sz="900" i="1" baseline="30000" dirty="0">
                <a:solidFill>
                  <a:srgbClr val="000000"/>
                </a:solidFill>
                <a:latin typeface="Verdana" panose="020B0604030504040204" pitchFamily="34" charset="0"/>
              </a:rPr>
              <a:t>5</a:t>
            </a:r>
            <a:r>
              <a:rPr lang="en-IN" sz="900" i="1" dirty="0">
                <a:solidFill>
                  <a:srgbClr val="000000"/>
                </a:solidFill>
                <a:latin typeface="Verdana" panose="020B0604030504040204" pitchFamily="34" charset="0"/>
              </a:rPr>
              <a:t>Invested Amount</a:t>
            </a:r>
          </a:p>
        </p:txBody>
      </p:sp>
      <p:cxnSp>
        <p:nvCxnSpPr>
          <p:cNvPr id="27" name="Connector: Elbow 26">
            <a:extLst>
              <a:ext uri="{FF2B5EF4-FFF2-40B4-BE49-F238E27FC236}">
                <a16:creationId xmlns:a16="http://schemas.microsoft.com/office/drawing/2014/main" id="{46F84502-90A4-446D-B13B-C47B6E483DCB}"/>
              </a:ext>
            </a:extLst>
          </p:cNvPr>
          <p:cNvCxnSpPr>
            <a:cxnSpLocks/>
            <a:stCxn id="98" idx="2"/>
            <a:endCxn id="101" idx="0"/>
          </p:cNvCxnSpPr>
          <p:nvPr/>
        </p:nvCxnSpPr>
        <p:spPr>
          <a:xfrm rot="5400000">
            <a:off x="3538658" y="2023118"/>
            <a:ext cx="502552" cy="5088481"/>
          </a:xfrm>
          <a:prstGeom prst="bentConnector3">
            <a:avLst/>
          </a:prstGeom>
          <a:noFill/>
          <a:ln w="28575" cap="flat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miter lim="800000"/>
            <a:tailEnd type="triangle"/>
          </a:ln>
          <a:effectLst/>
        </p:spPr>
      </p:cxnSp>
      <p:cxnSp>
        <p:nvCxnSpPr>
          <p:cNvPr id="29" name="Connector: Elbow 28">
            <a:extLst>
              <a:ext uri="{FF2B5EF4-FFF2-40B4-BE49-F238E27FC236}">
                <a16:creationId xmlns:a16="http://schemas.microsoft.com/office/drawing/2014/main" id="{65126AEA-83E0-4B8B-A47A-F89351A350D8}"/>
              </a:ext>
            </a:extLst>
          </p:cNvPr>
          <p:cNvCxnSpPr>
            <a:cxnSpLocks/>
            <a:stCxn id="98" idx="2"/>
            <a:endCxn id="106" idx="0"/>
          </p:cNvCxnSpPr>
          <p:nvPr/>
        </p:nvCxnSpPr>
        <p:spPr>
          <a:xfrm rot="16200000" flipH="1">
            <a:off x="8726602" y="1923653"/>
            <a:ext cx="502552" cy="5287409"/>
          </a:xfrm>
          <a:prstGeom prst="bentConnector3">
            <a:avLst/>
          </a:prstGeom>
          <a:noFill/>
          <a:ln w="28575" cap="flat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miter lim="800000"/>
            <a:tailEnd type="triangle"/>
          </a:ln>
          <a:effectLst/>
        </p:spPr>
      </p:cxnSp>
      <p:cxnSp>
        <p:nvCxnSpPr>
          <p:cNvPr id="31" name="Connector: Elbow 30">
            <a:extLst>
              <a:ext uri="{FF2B5EF4-FFF2-40B4-BE49-F238E27FC236}">
                <a16:creationId xmlns:a16="http://schemas.microsoft.com/office/drawing/2014/main" id="{62673F73-CCA2-4704-B6FC-1A037017679B}"/>
              </a:ext>
            </a:extLst>
          </p:cNvPr>
          <p:cNvCxnSpPr>
            <a:cxnSpLocks/>
            <a:stCxn id="98" idx="2"/>
            <a:endCxn id="104" idx="0"/>
          </p:cNvCxnSpPr>
          <p:nvPr/>
        </p:nvCxnSpPr>
        <p:spPr>
          <a:xfrm rot="16200000" flipH="1">
            <a:off x="7689013" y="2961242"/>
            <a:ext cx="502552" cy="3212231"/>
          </a:xfrm>
          <a:prstGeom prst="bentConnector3">
            <a:avLst/>
          </a:prstGeom>
          <a:noFill/>
          <a:ln w="28575" cap="flat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miter lim="800000"/>
            <a:tailEnd type="triangle"/>
          </a:ln>
          <a:effectLst/>
        </p:spPr>
      </p:cxnSp>
      <p:cxnSp>
        <p:nvCxnSpPr>
          <p:cNvPr id="33" name="Connector: Elbow 32">
            <a:extLst>
              <a:ext uri="{FF2B5EF4-FFF2-40B4-BE49-F238E27FC236}">
                <a16:creationId xmlns:a16="http://schemas.microsoft.com/office/drawing/2014/main" id="{6145555D-879F-4181-80C5-4701EC114E2F}"/>
              </a:ext>
            </a:extLst>
          </p:cNvPr>
          <p:cNvCxnSpPr>
            <a:cxnSpLocks/>
            <a:stCxn id="98" idx="2"/>
            <a:endCxn id="105" idx="0"/>
          </p:cNvCxnSpPr>
          <p:nvPr/>
        </p:nvCxnSpPr>
        <p:spPr>
          <a:xfrm rot="5400000">
            <a:off x="4576247" y="3060707"/>
            <a:ext cx="502552" cy="3013303"/>
          </a:xfrm>
          <a:prstGeom prst="bentConnector3">
            <a:avLst/>
          </a:prstGeom>
          <a:noFill/>
          <a:ln w="28575" cap="flat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miter lim="800000"/>
            <a:tailEnd type="triangle"/>
          </a:ln>
          <a:effectLst/>
        </p:spPr>
      </p:cxnSp>
      <p:cxnSp>
        <p:nvCxnSpPr>
          <p:cNvPr id="35" name="Connector: Elbow 34">
            <a:extLst>
              <a:ext uri="{FF2B5EF4-FFF2-40B4-BE49-F238E27FC236}">
                <a16:creationId xmlns:a16="http://schemas.microsoft.com/office/drawing/2014/main" id="{2E05B477-544E-40E3-9DC9-3685A52DC19E}"/>
              </a:ext>
            </a:extLst>
          </p:cNvPr>
          <p:cNvCxnSpPr>
            <a:cxnSpLocks/>
            <a:stCxn id="98" idx="2"/>
            <a:endCxn id="102" idx="0"/>
          </p:cNvCxnSpPr>
          <p:nvPr/>
        </p:nvCxnSpPr>
        <p:spPr>
          <a:xfrm rot="5400000">
            <a:off x="5613836" y="4098296"/>
            <a:ext cx="502552" cy="938125"/>
          </a:xfrm>
          <a:prstGeom prst="bentConnector3">
            <a:avLst/>
          </a:prstGeom>
          <a:noFill/>
          <a:ln w="28575" cap="flat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miter lim="800000"/>
            <a:tailEnd type="triangle"/>
          </a:ln>
          <a:effectLst/>
        </p:spPr>
      </p:cxnSp>
      <p:cxnSp>
        <p:nvCxnSpPr>
          <p:cNvPr id="37" name="Connector: Elbow 36">
            <a:extLst>
              <a:ext uri="{FF2B5EF4-FFF2-40B4-BE49-F238E27FC236}">
                <a16:creationId xmlns:a16="http://schemas.microsoft.com/office/drawing/2014/main" id="{B7CD8EB7-5CA4-4310-A682-E801FA30AE03}"/>
              </a:ext>
            </a:extLst>
          </p:cNvPr>
          <p:cNvCxnSpPr>
            <a:cxnSpLocks/>
            <a:stCxn id="98" idx="2"/>
            <a:endCxn id="103" idx="0"/>
          </p:cNvCxnSpPr>
          <p:nvPr/>
        </p:nvCxnSpPr>
        <p:spPr>
          <a:xfrm rot="16200000" flipH="1">
            <a:off x="6651424" y="3998831"/>
            <a:ext cx="502552" cy="1137053"/>
          </a:xfrm>
          <a:prstGeom prst="bentConnector3">
            <a:avLst>
              <a:gd name="adj1" fmla="val 49920"/>
            </a:avLst>
          </a:prstGeom>
          <a:noFill/>
          <a:ln w="28575" cap="flat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miter lim="800000"/>
            <a:tailEnd type="triangle"/>
          </a:ln>
          <a:effectLst/>
        </p:spPr>
      </p:cxnSp>
      <p:sp>
        <p:nvSpPr>
          <p:cNvPr id="158" name="Rectangle 157">
            <a:extLst>
              <a:ext uri="{FF2B5EF4-FFF2-40B4-BE49-F238E27FC236}">
                <a16:creationId xmlns:a16="http://schemas.microsoft.com/office/drawing/2014/main" id="{4DC07633-B15B-4205-AA82-3EACD76E1CE0}"/>
              </a:ext>
            </a:extLst>
          </p:cNvPr>
          <p:cNvSpPr/>
          <p:nvPr/>
        </p:nvSpPr>
        <p:spPr>
          <a:xfrm>
            <a:off x="5522049" y="5707015"/>
            <a:ext cx="792000" cy="651437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000000"/>
                </a:solidFill>
              </a:rPr>
              <a:t>Land Purchase Fund</a:t>
            </a:r>
            <a:r>
              <a:rPr lang="en-US" sz="1200" baseline="30000" dirty="0">
                <a:solidFill>
                  <a:srgbClr val="000000"/>
                </a:solidFill>
              </a:rPr>
              <a:t>2</a:t>
            </a:r>
          </a:p>
        </p:txBody>
      </p:sp>
      <p:sp>
        <p:nvSpPr>
          <p:cNvPr id="159" name="Rectangle 158">
            <a:extLst>
              <a:ext uri="{FF2B5EF4-FFF2-40B4-BE49-F238E27FC236}">
                <a16:creationId xmlns:a16="http://schemas.microsoft.com/office/drawing/2014/main" id="{ABB7FDF9-2FE4-401C-8125-5DAD4908041D}"/>
              </a:ext>
            </a:extLst>
          </p:cNvPr>
          <p:cNvSpPr/>
          <p:nvPr/>
        </p:nvSpPr>
        <p:spPr>
          <a:xfrm>
            <a:off x="4478049" y="5679564"/>
            <a:ext cx="792000" cy="651436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000000"/>
                </a:solidFill>
              </a:rPr>
              <a:t>Salary</a:t>
            </a:r>
          </a:p>
        </p:txBody>
      </p:sp>
      <p:cxnSp>
        <p:nvCxnSpPr>
          <p:cNvPr id="75" name="Connector: Elbow 74">
            <a:extLst>
              <a:ext uri="{FF2B5EF4-FFF2-40B4-BE49-F238E27FC236}">
                <a16:creationId xmlns:a16="http://schemas.microsoft.com/office/drawing/2014/main" id="{E3D6511E-A76D-4E89-BD1E-710241102F59}"/>
              </a:ext>
            </a:extLst>
          </p:cNvPr>
          <p:cNvCxnSpPr>
            <a:cxnSpLocks/>
            <a:stCxn id="102" idx="2"/>
            <a:endCxn id="159" idx="0"/>
          </p:cNvCxnSpPr>
          <p:nvPr/>
        </p:nvCxnSpPr>
        <p:spPr>
          <a:xfrm rot="5400000">
            <a:off x="4920484" y="5203999"/>
            <a:ext cx="429130" cy="522000"/>
          </a:xfrm>
          <a:prstGeom prst="bentConnector3">
            <a:avLst/>
          </a:prstGeom>
          <a:noFill/>
          <a:ln w="28575" cap="flat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miter lim="800000"/>
            <a:tailEnd type="triangle"/>
          </a:ln>
          <a:effectLst/>
        </p:spPr>
      </p:cxnSp>
      <p:cxnSp>
        <p:nvCxnSpPr>
          <p:cNvPr id="77" name="Connector: Elbow 76">
            <a:extLst>
              <a:ext uri="{FF2B5EF4-FFF2-40B4-BE49-F238E27FC236}">
                <a16:creationId xmlns:a16="http://schemas.microsoft.com/office/drawing/2014/main" id="{61801CE9-4D95-4E17-9B75-227FEB4D9D75}"/>
              </a:ext>
            </a:extLst>
          </p:cNvPr>
          <p:cNvCxnSpPr>
            <a:cxnSpLocks/>
            <a:stCxn id="102" idx="2"/>
            <a:endCxn id="158" idx="0"/>
          </p:cNvCxnSpPr>
          <p:nvPr/>
        </p:nvCxnSpPr>
        <p:spPr>
          <a:xfrm rot="16200000" flipH="1">
            <a:off x="5428759" y="5217724"/>
            <a:ext cx="456581" cy="522000"/>
          </a:xfrm>
          <a:prstGeom prst="bentConnector3">
            <a:avLst>
              <a:gd name="adj1" fmla="val 47558"/>
            </a:avLst>
          </a:prstGeom>
          <a:noFill/>
          <a:ln w="28575" cap="flat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miter lim="800000"/>
            <a:tailEnd type="triangle"/>
          </a:ln>
          <a:effectLst/>
        </p:spPr>
      </p:cxnSp>
      <p:sp>
        <p:nvSpPr>
          <p:cNvPr id="161" name="Rectangle 160">
            <a:extLst>
              <a:ext uri="{FF2B5EF4-FFF2-40B4-BE49-F238E27FC236}">
                <a16:creationId xmlns:a16="http://schemas.microsoft.com/office/drawing/2014/main" id="{F94E5F74-D794-4E32-8BBF-893D08A48A59}"/>
              </a:ext>
            </a:extLst>
          </p:cNvPr>
          <p:cNvSpPr/>
          <p:nvPr/>
        </p:nvSpPr>
        <p:spPr>
          <a:xfrm>
            <a:off x="325389" y="5346210"/>
            <a:ext cx="1836000" cy="601402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000000"/>
                </a:solidFill>
              </a:rPr>
              <a:t>Invested in development of amenities in the area</a:t>
            </a:r>
          </a:p>
        </p:txBody>
      </p:sp>
      <p:cxnSp>
        <p:nvCxnSpPr>
          <p:cNvPr id="162" name="Connector: Elbow 161">
            <a:extLst>
              <a:ext uri="{FF2B5EF4-FFF2-40B4-BE49-F238E27FC236}">
                <a16:creationId xmlns:a16="http://schemas.microsoft.com/office/drawing/2014/main" id="{2FA5B4B1-C09C-4272-9E8A-F0D7B4D6251C}"/>
              </a:ext>
            </a:extLst>
          </p:cNvPr>
          <p:cNvCxnSpPr>
            <a:cxnSpLocks/>
            <a:stCxn id="106" idx="3"/>
            <a:endCxn id="90" idx="3"/>
          </p:cNvCxnSpPr>
          <p:nvPr/>
        </p:nvCxnSpPr>
        <p:spPr>
          <a:xfrm flipH="1" flipV="1">
            <a:off x="8350210" y="1698105"/>
            <a:ext cx="4189373" cy="3336429"/>
          </a:xfrm>
          <a:prstGeom prst="bentConnector3">
            <a:avLst>
              <a:gd name="adj1" fmla="val -5457"/>
            </a:avLst>
          </a:prstGeom>
          <a:noFill/>
          <a:ln w="28575" cap="flat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miter lim="800000"/>
            <a:tailEnd type="triangle"/>
          </a:ln>
          <a:effectLst/>
        </p:spPr>
      </p:cxnSp>
      <p:cxnSp>
        <p:nvCxnSpPr>
          <p:cNvPr id="85" name="Connector: Elbow 84">
            <a:extLst>
              <a:ext uri="{FF2B5EF4-FFF2-40B4-BE49-F238E27FC236}">
                <a16:creationId xmlns:a16="http://schemas.microsoft.com/office/drawing/2014/main" id="{AF442969-6968-4830-B850-EB1BE2BC0294}"/>
              </a:ext>
            </a:extLst>
          </p:cNvPr>
          <p:cNvCxnSpPr>
            <a:stCxn id="90" idx="1"/>
            <a:endCxn id="91" idx="1"/>
          </p:cNvCxnSpPr>
          <p:nvPr/>
        </p:nvCxnSpPr>
        <p:spPr>
          <a:xfrm rot="10800000" flipV="1">
            <a:off x="4318138" y="1698105"/>
            <a:ext cx="12700" cy="618486"/>
          </a:xfrm>
          <a:prstGeom prst="bentConnector3">
            <a:avLst>
              <a:gd name="adj1" fmla="val 3731701"/>
            </a:avLst>
          </a:prstGeom>
          <a:noFill/>
          <a:ln w="28575" cap="flat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miter lim="800000"/>
            <a:tailEnd type="triangle"/>
          </a:ln>
          <a:effectLst/>
        </p:spPr>
      </p:cxnSp>
      <p:cxnSp>
        <p:nvCxnSpPr>
          <p:cNvPr id="88" name="Connector: Elbow 87">
            <a:extLst>
              <a:ext uri="{FF2B5EF4-FFF2-40B4-BE49-F238E27FC236}">
                <a16:creationId xmlns:a16="http://schemas.microsoft.com/office/drawing/2014/main" id="{4EC5877C-6B59-4106-B60F-65EDDF51F09A}"/>
              </a:ext>
            </a:extLst>
          </p:cNvPr>
          <p:cNvCxnSpPr>
            <a:cxnSpLocks/>
            <a:stCxn id="91" idx="3"/>
          </p:cNvCxnSpPr>
          <p:nvPr/>
        </p:nvCxnSpPr>
        <p:spPr>
          <a:xfrm flipV="1">
            <a:off x="8350210" y="1744299"/>
            <a:ext cx="384264" cy="572292"/>
          </a:xfrm>
          <a:prstGeom prst="bentConnector2">
            <a:avLst/>
          </a:prstGeom>
          <a:noFill/>
          <a:ln w="28575" cap="flat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miter lim="800000"/>
            <a:tailEnd type="triangle"/>
          </a:ln>
          <a:effectLst/>
        </p:spPr>
      </p:cxnSp>
      <p:sp>
        <p:nvSpPr>
          <p:cNvPr id="264" name="TextBox 263">
            <a:extLst>
              <a:ext uri="{FF2B5EF4-FFF2-40B4-BE49-F238E27FC236}">
                <a16:creationId xmlns:a16="http://schemas.microsoft.com/office/drawing/2014/main" id="{1D5C9C19-E1F9-480C-B87B-2F8E49AEC176}"/>
              </a:ext>
            </a:extLst>
          </p:cNvPr>
          <p:cNvSpPr txBox="1"/>
          <p:nvPr/>
        </p:nvSpPr>
        <p:spPr>
          <a:xfrm>
            <a:off x="10703583" y="5977058"/>
            <a:ext cx="1836000" cy="461665"/>
          </a:xfrm>
          <a:prstGeom prst="rect">
            <a:avLst/>
          </a:prstGeom>
          <a:noFill/>
          <a:ln>
            <a:solidFill>
              <a:srgbClr val="009051"/>
            </a:solidFill>
          </a:ln>
        </p:spPr>
        <p:txBody>
          <a:bodyPr wrap="square" rtlCol="0">
            <a:spAutoFit/>
          </a:bodyPr>
          <a:lstStyle>
            <a:defPPr>
              <a:defRPr lang="en-US"/>
            </a:defPPr>
            <a:lvl1pPr marR="0" lvl="0" indent="0" algn="ctr"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 kumimoji="0" sz="1200" b="0" i="0" u="none" strike="noStrike" kern="0" cap="none" spc="0" normalizeH="0" baseline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</a:defRPr>
            </a:lvl1pPr>
          </a:lstStyle>
          <a:p>
            <a:r>
              <a:rPr lang="en-US" dirty="0"/>
              <a:t>Capped at 9% pa of IA</a:t>
            </a:r>
            <a:r>
              <a:rPr lang="en-US" baseline="30000" dirty="0"/>
              <a:t>5</a:t>
            </a:r>
          </a:p>
        </p:txBody>
      </p:sp>
      <p:sp>
        <p:nvSpPr>
          <p:cNvPr id="265" name="TextBox 264">
            <a:extLst>
              <a:ext uri="{FF2B5EF4-FFF2-40B4-BE49-F238E27FC236}">
                <a16:creationId xmlns:a16="http://schemas.microsoft.com/office/drawing/2014/main" id="{7D27086A-3042-4887-856F-2BA94DB84E55}"/>
              </a:ext>
            </a:extLst>
          </p:cNvPr>
          <p:cNvSpPr txBox="1"/>
          <p:nvPr/>
        </p:nvSpPr>
        <p:spPr>
          <a:xfrm>
            <a:off x="8641969" y="5977058"/>
            <a:ext cx="1836000" cy="276999"/>
          </a:xfrm>
          <a:prstGeom prst="rect">
            <a:avLst/>
          </a:prstGeom>
          <a:noFill/>
          <a:ln>
            <a:solidFill>
              <a:srgbClr val="009051"/>
            </a:solidFill>
          </a:ln>
        </p:spPr>
        <p:txBody>
          <a:bodyPr wrap="square" rtlCol="0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</a:rPr>
              <a:t>0.4% of LVUM</a:t>
            </a:r>
          </a:p>
        </p:txBody>
      </p:sp>
      <p:sp>
        <p:nvSpPr>
          <p:cNvPr id="266" name="Rectangle 265">
            <a:extLst>
              <a:ext uri="{FF2B5EF4-FFF2-40B4-BE49-F238E27FC236}">
                <a16:creationId xmlns:a16="http://schemas.microsoft.com/office/drawing/2014/main" id="{F3ADBF8E-E2D9-490C-B776-33299D923D4D}"/>
              </a:ext>
            </a:extLst>
          </p:cNvPr>
          <p:cNvSpPr/>
          <p:nvPr/>
        </p:nvSpPr>
        <p:spPr>
          <a:xfrm>
            <a:off x="10703583" y="5324965"/>
            <a:ext cx="1836000" cy="601402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000000"/>
                </a:solidFill>
              </a:rPr>
              <a:t>Periodic return to the investors on the funded amount</a:t>
            </a:r>
          </a:p>
        </p:txBody>
      </p:sp>
      <p:sp>
        <p:nvSpPr>
          <p:cNvPr id="280" name="TextBox 279">
            <a:extLst>
              <a:ext uri="{FF2B5EF4-FFF2-40B4-BE49-F238E27FC236}">
                <a16:creationId xmlns:a16="http://schemas.microsoft.com/office/drawing/2014/main" id="{5BBC5E04-0469-4922-8774-9B1E06C17936}"/>
              </a:ext>
            </a:extLst>
          </p:cNvPr>
          <p:cNvSpPr txBox="1"/>
          <p:nvPr/>
        </p:nvSpPr>
        <p:spPr>
          <a:xfrm>
            <a:off x="4478049" y="6399668"/>
            <a:ext cx="792000" cy="461665"/>
          </a:xfrm>
          <a:prstGeom prst="rect">
            <a:avLst/>
          </a:prstGeom>
          <a:noFill/>
          <a:ln>
            <a:solidFill>
              <a:srgbClr val="009051"/>
            </a:solidFill>
          </a:ln>
        </p:spPr>
        <p:txBody>
          <a:bodyPr wrap="square" rtlCol="0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</a:rPr>
              <a:t>$9000 annual</a:t>
            </a:r>
            <a:r>
              <a:rPr kumimoji="0" lang="en-US" sz="1200" b="0" i="0" u="none" strike="noStrike" kern="0" cap="none" spc="0" normalizeH="0" baseline="3000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</a:rPr>
              <a:t>1</a:t>
            </a:r>
          </a:p>
        </p:txBody>
      </p:sp>
      <p:sp>
        <p:nvSpPr>
          <p:cNvPr id="281" name="Rectangle 280">
            <a:extLst>
              <a:ext uri="{FF2B5EF4-FFF2-40B4-BE49-F238E27FC236}">
                <a16:creationId xmlns:a16="http://schemas.microsoft.com/office/drawing/2014/main" id="{597E1C72-5E24-4F2F-BA5D-232E82696B72}"/>
              </a:ext>
            </a:extLst>
          </p:cNvPr>
          <p:cNvSpPr/>
          <p:nvPr/>
        </p:nvSpPr>
        <p:spPr>
          <a:xfrm>
            <a:off x="6581868" y="5319089"/>
            <a:ext cx="1836000" cy="601402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000000"/>
                </a:solidFill>
              </a:rPr>
              <a:t>Retained by the SPV for providing management </a:t>
            </a:r>
          </a:p>
        </p:txBody>
      </p:sp>
      <p:sp>
        <p:nvSpPr>
          <p:cNvPr id="282" name="TextBox 281">
            <a:extLst>
              <a:ext uri="{FF2B5EF4-FFF2-40B4-BE49-F238E27FC236}">
                <a16:creationId xmlns:a16="http://schemas.microsoft.com/office/drawing/2014/main" id="{22084421-E5BF-42CD-B4F0-EFA793B76B36}"/>
              </a:ext>
            </a:extLst>
          </p:cNvPr>
          <p:cNvSpPr txBox="1"/>
          <p:nvPr/>
        </p:nvSpPr>
        <p:spPr>
          <a:xfrm>
            <a:off x="6580355" y="5977058"/>
            <a:ext cx="1836000" cy="276999"/>
          </a:xfrm>
          <a:prstGeom prst="rect">
            <a:avLst/>
          </a:prstGeom>
          <a:noFill/>
          <a:ln>
            <a:solidFill>
              <a:srgbClr val="009051"/>
            </a:solidFill>
          </a:ln>
        </p:spPr>
        <p:txBody>
          <a:bodyPr wrap="square" rtlCol="0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</a:rPr>
              <a:t>3.5% of LVUM</a:t>
            </a:r>
            <a:r>
              <a:rPr lang="en-US" sz="1200" kern="0" baseline="30000" dirty="0">
                <a:solidFill>
                  <a:prstClr val="black"/>
                </a:solidFill>
              </a:rPr>
              <a:t>4</a:t>
            </a:r>
            <a:endParaRPr kumimoji="0" lang="en-US" sz="1200" b="0" i="0" u="none" strike="noStrike" kern="0" cap="none" spc="0" normalizeH="0" baseline="3000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</a:endParaRPr>
          </a:p>
        </p:txBody>
      </p:sp>
      <p:sp>
        <p:nvSpPr>
          <p:cNvPr id="284" name="TextBox 283">
            <a:extLst>
              <a:ext uri="{FF2B5EF4-FFF2-40B4-BE49-F238E27FC236}">
                <a16:creationId xmlns:a16="http://schemas.microsoft.com/office/drawing/2014/main" id="{047E16C4-78B4-416E-B094-59069C265D7D}"/>
              </a:ext>
            </a:extLst>
          </p:cNvPr>
          <p:cNvSpPr txBox="1"/>
          <p:nvPr/>
        </p:nvSpPr>
        <p:spPr>
          <a:xfrm>
            <a:off x="5522049" y="6424685"/>
            <a:ext cx="792000" cy="461665"/>
          </a:xfrm>
          <a:prstGeom prst="rect">
            <a:avLst/>
          </a:prstGeom>
          <a:noFill/>
          <a:ln>
            <a:solidFill>
              <a:srgbClr val="009051"/>
            </a:solidFill>
          </a:ln>
        </p:spPr>
        <p:txBody>
          <a:bodyPr wrap="square" rtlCol="0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</a:rPr>
              <a:t>0.04 acre</a:t>
            </a:r>
            <a:r>
              <a:rPr kumimoji="0" lang="en-US" sz="1200" b="0" i="0" u="none" strike="noStrike" kern="0" cap="none" spc="0" normalizeH="0" baseline="3000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</a:rPr>
              <a:t>3</a:t>
            </a: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</a:rPr>
              <a:t> </a:t>
            </a:r>
            <a:endParaRPr kumimoji="0" lang="en-US" sz="1200" b="0" i="0" u="none" strike="noStrike" kern="0" cap="none" spc="0" normalizeH="0" baseline="3000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</a:endParaRPr>
          </a:p>
        </p:txBody>
      </p:sp>
      <p:sp>
        <p:nvSpPr>
          <p:cNvPr id="285" name="Rectangle 284">
            <a:extLst>
              <a:ext uri="{FF2B5EF4-FFF2-40B4-BE49-F238E27FC236}">
                <a16:creationId xmlns:a16="http://schemas.microsoft.com/office/drawing/2014/main" id="{1C36F00F-8ED1-49E0-9568-EF701EEDF7EF}"/>
              </a:ext>
            </a:extLst>
          </p:cNvPr>
          <p:cNvSpPr/>
          <p:nvPr/>
        </p:nvSpPr>
        <p:spPr>
          <a:xfrm>
            <a:off x="2394895" y="5319089"/>
            <a:ext cx="1836000" cy="601402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000000"/>
                </a:solidFill>
              </a:rPr>
              <a:t>COGS, distribution expenses etc.</a:t>
            </a:r>
          </a:p>
        </p:txBody>
      </p:sp>
      <p:sp>
        <p:nvSpPr>
          <p:cNvPr id="286" name="TextBox 285">
            <a:extLst>
              <a:ext uri="{FF2B5EF4-FFF2-40B4-BE49-F238E27FC236}">
                <a16:creationId xmlns:a16="http://schemas.microsoft.com/office/drawing/2014/main" id="{08CC91C9-3E8E-4FA2-86BC-608C62F5ED3C}"/>
              </a:ext>
            </a:extLst>
          </p:cNvPr>
          <p:cNvSpPr txBox="1"/>
          <p:nvPr/>
        </p:nvSpPr>
        <p:spPr>
          <a:xfrm>
            <a:off x="2393382" y="5977058"/>
            <a:ext cx="1836000" cy="276999"/>
          </a:xfrm>
          <a:prstGeom prst="rect">
            <a:avLst/>
          </a:prstGeom>
          <a:noFill/>
          <a:ln>
            <a:solidFill>
              <a:srgbClr val="009051"/>
            </a:solidFill>
          </a:ln>
        </p:spPr>
        <p:txBody>
          <a:bodyPr wrap="square" rtlCol="0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</a:rPr>
              <a:t>10% of revenue</a:t>
            </a:r>
            <a:endParaRPr kumimoji="0" lang="en-US" sz="1200" b="0" i="0" u="none" strike="noStrike" kern="0" cap="none" spc="0" normalizeH="0" baseline="3000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</a:endParaRPr>
          </a:p>
        </p:txBody>
      </p:sp>
      <p:sp>
        <p:nvSpPr>
          <p:cNvPr id="345" name="Rectangle 344">
            <a:extLst>
              <a:ext uri="{FF2B5EF4-FFF2-40B4-BE49-F238E27FC236}">
                <a16:creationId xmlns:a16="http://schemas.microsoft.com/office/drawing/2014/main" id="{CE10421F-0CA4-408C-A2CA-67B545EEE211}"/>
              </a:ext>
            </a:extLst>
          </p:cNvPr>
          <p:cNvSpPr/>
          <p:nvPr/>
        </p:nvSpPr>
        <p:spPr>
          <a:xfrm>
            <a:off x="4478049" y="4818635"/>
            <a:ext cx="1836000" cy="431800"/>
          </a:xfrm>
          <a:prstGeom prst="rect">
            <a:avLst/>
          </a:prstGeom>
          <a:solidFill>
            <a:srgbClr val="009051"/>
          </a:solidFill>
          <a:ln w="12700" cap="flat" cmpd="sng" algn="ctr">
            <a:solidFill>
              <a:srgbClr val="009051"/>
            </a:solidFill>
            <a:prstDash val="solid"/>
            <a:miter lim="800000"/>
          </a:ln>
          <a:effectLst/>
        </p:spPr>
        <p:txBody>
          <a:bodyPr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ea typeface="+mn-ea"/>
                <a:cs typeface="+mn-cs"/>
              </a:rPr>
              <a:t>Farmer income</a:t>
            </a:r>
          </a:p>
        </p:txBody>
      </p:sp>
      <p:sp>
        <p:nvSpPr>
          <p:cNvPr id="347" name="Rectangle 346">
            <a:extLst>
              <a:ext uri="{FF2B5EF4-FFF2-40B4-BE49-F238E27FC236}">
                <a16:creationId xmlns:a16="http://schemas.microsoft.com/office/drawing/2014/main" id="{D0859F6C-110C-44DD-9776-990E0250A0A1}"/>
              </a:ext>
            </a:extLst>
          </p:cNvPr>
          <p:cNvSpPr/>
          <p:nvPr/>
        </p:nvSpPr>
        <p:spPr>
          <a:xfrm>
            <a:off x="5522049" y="5707016"/>
            <a:ext cx="792000" cy="651437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000000"/>
                </a:solidFill>
              </a:rPr>
              <a:t>Land Purchase Fund</a:t>
            </a:r>
            <a:r>
              <a:rPr lang="en-US" sz="1200" baseline="30000" dirty="0">
                <a:solidFill>
                  <a:srgbClr val="000000"/>
                </a:solidFill>
              </a:rPr>
              <a:t>2</a:t>
            </a:r>
          </a:p>
        </p:txBody>
      </p:sp>
      <p:sp>
        <p:nvSpPr>
          <p:cNvPr id="348" name="Rectangle 347">
            <a:extLst>
              <a:ext uri="{FF2B5EF4-FFF2-40B4-BE49-F238E27FC236}">
                <a16:creationId xmlns:a16="http://schemas.microsoft.com/office/drawing/2014/main" id="{E8FC95D6-93A5-4794-9A9B-A188D5A56F8B}"/>
              </a:ext>
            </a:extLst>
          </p:cNvPr>
          <p:cNvSpPr/>
          <p:nvPr/>
        </p:nvSpPr>
        <p:spPr>
          <a:xfrm>
            <a:off x="4478049" y="5679565"/>
            <a:ext cx="792000" cy="651436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000000"/>
                </a:solidFill>
              </a:rPr>
              <a:t>Salary</a:t>
            </a:r>
          </a:p>
        </p:txBody>
      </p:sp>
      <p:cxnSp>
        <p:nvCxnSpPr>
          <p:cNvPr id="349" name="Connector: Elbow 348">
            <a:extLst>
              <a:ext uri="{FF2B5EF4-FFF2-40B4-BE49-F238E27FC236}">
                <a16:creationId xmlns:a16="http://schemas.microsoft.com/office/drawing/2014/main" id="{FE8348BF-8A7C-4F94-B193-34B9B3FFD8BA}"/>
              </a:ext>
            </a:extLst>
          </p:cNvPr>
          <p:cNvCxnSpPr>
            <a:cxnSpLocks/>
            <a:stCxn id="345" idx="2"/>
            <a:endCxn id="348" idx="0"/>
          </p:cNvCxnSpPr>
          <p:nvPr/>
        </p:nvCxnSpPr>
        <p:spPr>
          <a:xfrm rot="5400000">
            <a:off x="4920484" y="5204000"/>
            <a:ext cx="429130" cy="522000"/>
          </a:xfrm>
          <a:prstGeom prst="bentConnector3">
            <a:avLst/>
          </a:prstGeom>
          <a:noFill/>
          <a:ln w="28575" cap="flat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miter lim="800000"/>
            <a:tailEnd type="triangle"/>
          </a:ln>
          <a:effectLst/>
        </p:spPr>
      </p:cxnSp>
      <p:cxnSp>
        <p:nvCxnSpPr>
          <p:cNvPr id="350" name="Connector: Elbow 349">
            <a:extLst>
              <a:ext uri="{FF2B5EF4-FFF2-40B4-BE49-F238E27FC236}">
                <a16:creationId xmlns:a16="http://schemas.microsoft.com/office/drawing/2014/main" id="{82836656-E528-455B-BE99-7FB060D1C5CD}"/>
              </a:ext>
            </a:extLst>
          </p:cNvPr>
          <p:cNvCxnSpPr>
            <a:cxnSpLocks/>
            <a:stCxn id="345" idx="2"/>
            <a:endCxn id="347" idx="0"/>
          </p:cNvCxnSpPr>
          <p:nvPr/>
        </p:nvCxnSpPr>
        <p:spPr>
          <a:xfrm rot="16200000" flipH="1">
            <a:off x="5428759" y="5217725"/>
            <a:ext cx="456581" cy="522000"/>
          </a:xfrm>
          <a:prstGeom prst="bentConnector3">
            <a:avLst>
              <a:gd name="adj1" fmla="val 47558"/>
            </a:avLst>
          </a:prstGeom>
          <a:noFill/>
          <a:ln w="28575" cap="flat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miter lim="800000"/>
            <a:tailEnd type="triangle"/>
          </a:ln>
          <a:effectLst/>
        </p:spPr>
      </p:cxnSp>
      <p:sp>
        <p:nvSpPr>
          <p:cNvPr id="357" name="Rectangle 356">
            <a:extLst>
              <a:ext uri="{FF2B5EF4-FFF2-40B4-BE49-F238E27FC236}">
                <a16:creationId xmlns:a16="http://schemas.microsoft.com/office/drawing/2014/main" id="{7DB14652-282A-4FBB-9ACE-2368FD926145}"/>
              </a:ext>
            </a:extLst>
          </p:cNvPr>
          <p:cNvSpPr/>
          <p:nvPr/>
        </p:nvSpPr>
        <p:spPr>
          <a:xfrm>
            <a:off x="4478049" y="4818635"/>
            <a:ext cx="1836000" cy="431800"/>
          </a:xfrm>
          <a:prstGeom prst="rect">
            <a:avLst/>
          </a:prstGeom>
          <a:solidFill>
            <a:srgbClr val="009051"/>
          </a:solidFill>
          <a:ln w="12700" cap="flat" cmpd="sng" algn="ctr">
            <a:solidFill>
              <a:srgbClr val="009051"/>
            </a:solidFill>
            <a:prstDash val="solid"/>
            <a:miter lim="800000"/>
          </a:ln>
          <a:effectLst/>
        </p:spPr>
        <p:txBody>
          <a:bodyPr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ea typeface="+mn-ea"/>
                <a:cs typeface="+mn-cs"/>
              </a:rPr>
              <a:t>Farmer income</a:t>
            </a:r>
          </a:p>
        </p:txBody>
      </p:sp>
      <p:sp>
        <p:nvSpPr>
          <p:cNvPr id="358" name="Rectangle 357">
            <a:extLst>
              <a:ext uri="{FF2B5EF4-FFF2-40B4-BE49-F238E27FC236}">
                <a16:creationId xmlns:a16="http://schemas.microsoft.com/office/drawing/2014/main" id="{6F0D28C7-29DF-4220-9BFE-1D9EE3D86A03}"/>
              </a:ext>
            </a:extLst>
          </p:cNvPr>
          <p:cNvSpPr/>
          <p:nvPr/>
        </p:nvSpPr>
        <p:spPr>
          <a:xfrm>
            <a:off x="5522049" y="5707016"/>
            <a:ext cx="792000" cy="651437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000000"/>
                </a:solidFill>
              </a:rPr>
              <a:t>Land Purchase Fund</a:t>
            </a:r>
            <a:r>
              <a:rPr lang="en-US" sz="1200" baseline="30000" dirty="0">
                <a:solidFill>
                  <a:srgbClr val="000000"/>
                </a:solidFill>
              </a:rPr>
              <a:t>2</a:t>
            </a:r>
          </a:p>
        </p:txBody>
      </p:sp>
      <p:sp>
        <p:nvSpPr>
          <p:cNvPr id="359" name="Rectangle 358">
            <a:extLst>
              <a:ext uri="{FF2B5EF4-FFF2-40B4-BE49-F238E27FC236}">
                <a16:creationId xmlns:a16="http://schemas.microsoft.com/office/drawing/2014/main" id="{5D299A65-14CC-46C7-B4F1-444584A9096A}"/>
              </a:ext>
            </a:extLst>
          </p:cNvPr>
          <p:cNvSpPr/>
          <p:nvPr/>
        </p:nvSpPr>
        <p:spPr>
          <a:xfrm>
            <a:off x="4478049" y="5679565"/>
            <a:ext cx="792000" cy="651436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000000"/>
                </a:solidFill>
              </a:rPr>
              <a:t>Salary</a:t>
            </a:r>
          </a:p>
        </p:txBody>
      </p:sp>
      <p:cxnSp>
        <p:nvCxnSpPr>
          <p:cNvPr id="360" name="Connector: Elbow 359">
            <a:extLst>
              <a:ext uri="{FF2B5EF4-FFF2-40B4-BE49-F238E27FC236}">
                <a16:creationId xmlns:a16="http://schemas.microsoft.com/office/drawing/2014/main" id="{F46426CF-93CD-4CE5-A453-61D06377A6E3}"/>
              </a:ext>
            </a:extLst>
          </p:cNvPr>
          <p:cNvCxnSpPr>
            <a:cxnSpLocks/>
            <a:stCxn id="357" idx="2"/>
            <a:endCxn id="359" idx="0"/>
          </p:cNvCxnSpPr>
          <p:nvPr/>
        </p:nvCxnSpPr>
        <p:spPr>
          <a:xfrm rot="5400000">
            <a:off x="4920484" y="5204000"/>
            <a:ext cx="429130" cy="522000"/>
          </a:xfrm>
          <a:prstGeom prst="bentConnector3">
            <a:avLst/>
          </a:prstGeom>
          <a:noFill/>
          <a:ln w="28575" cap="flat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miter lim="800000"/>
            <a:tailEnd type="triangle"/>
          </a:ln>
          <a:effectLst/>
        </p:spPr>
      </p:cxnSp>
      <p:cxnSp>
        <p:nvCxnSpPr>
          <p:cNvPr id="361" name="Connector: Elbow 360">
            <a:extLst>
              <a:ext uri="{FF2B5EF4-FFF2-40B4-BE49-F238E27FC236}">
                <a16:creationId xmlns:a16="http://schemas.microsoft.com/office/drawing/2014/main" id="{4BFAE2EC-A7E9-446C-8380-B19386AD5071}"/>
              </a:ext>
            </a:extLst>
          </p:cNvPr>
          <p:cNvCxnSpPr>
            <a:cxnSpLocks/>
            <a:stCxn id="357" idx="2"/>
            <a:endCxn id="358" idx="0"/>
          </p:cNvCxnSpPr>
          <p:nvPr/>
        </p:nvCxnSpPr>
        <p:spPr>
          <a:xfrm rot="16200000" flipH="1">
            <a:off x="5428759" y="5217725"/>
            <a:ext cx="456581" cy="522000"/>
          </a:xfrm>
          <a:prstGeom prst="bentConnector3">
            <a:avLst>
              <a:gd name="adj1" fmla="val 47558"/>
            </a:avLst>
          </a:prstGeom>
          <a:noFill/>
          <a:ln w="28575" cap="flat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miter lim="800000"/>
            <a:tailEnd type="triangle"/>
          </a:ln>
          <a:effectLst/>
        </p:spPr>
      </p:cxnSp>
      <p:sp>
        <p:nvSpPr>
          <p:cNvPr id="364" name="Rectangle 363">
            <a:extLst>
              <a:ext uri="{FF2B5EF4-FFF2-40B4-BE49-F238E27FC236}">
                <a16:creationId xmlns:a16="http://schemas.microsoft.com/office/drawing/2014/main" id="{2A720CDA-AFE2-4A3F-8D93-B2FC746248FF}"/>
              </a:ext>
            </a:extLst>
          </p:cNvPr>
          <p:cNvSpPr/>
          <p:nvPr/>
        </p:nvSpPr>
        <p:spPr>
          <a:xfrm>
            <a:off x="4478049" y="4818636"/>
            <a:ext cx="1836000" cy="431800"/>
          </a:xfrm>
          <a:prstGeom prst="rect">
            <a:avLst/>
          </a:prstGeom>
          <a:solidFill>
            <a:srgbClr val="009051"/>
          </a:solidFill>
          <a:ln w="12700" cap="flat" cmpd="sng" algn="ctr">
            <a:solidFill>
              <a:srgbClr val="009051"/>
            </a:solidFill>
            <a:prstDash val="solid"/>
            <a:miter lim="800000"/>
          </a:ln>
          <a:effectLst/>
        </p:spPr>
        <p:txBody>
          <a:bodyPr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prstClr val="white"/>
                </a:solidFill>
                <a:effectLst/>
                <a:uLnTx/>
                <a:uFillTx/>
                <a:ea typeface="+mn-ea"/>
                <a:cs typeface="+mn-cs"/>
              </a:rPr>
              <a:t>Farmer income</a:t>
            </a:r>
          </a:p>
        </p:txBody>
      </p:sp>
      <p:sp>
        <p:nvSpPr>
          <p:cNvPr id="366" name="Rectangle 365">
            <a:extLst>
              <a:ext uri="{FF2B5EF4-FFF2-40B4-BE49-F238E27FC236}">
                <a16:creationId xmlns:a16="http://schemas.microsoft.com/office/drawing/2014/main" id="{16770E1C-D536-4499-95D7-3DD40941F901}"/>
              </a:ext>
            </a:extLst>
          </p:cNvPr>
          <p:cNvSpPr/>
          <p:nvPr/>
        </p:nvSpPr>
        <p:spPr>
          <a:xfrm>
            <a:off x="5522049" y="5707017"/>
            <a:ext cx="792000" cy="651437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000000"/>
                </a:solidFill>
              </a:rPr>
              <a:t>Land Purchase Fund</a:t>
            </a:r>
            <a:r>
              <a:rPr lang="en-US" sz="1200" baseline="30000" dirty="0">
                <a:solidFill>
                  <a:srgbClr val="000000"/>
                </a:solidFill>
              </a:rPr>
              <a:t>2</a:t>
            </a:r>
          </a:p>
        </p:txBody>
      </p:sp>
      <p:sp>
        <p:nvSpPr>
          <p:cNvPr id="367" name="Rectangle 366">
            <a:extLst>
              <a:ext uri="{FF2B5EF4-FFF2-40B4-BE49-F238E27FC236}">
                <a16:creationId xmlns:a16="http://schemas.microsoft.com/office/drawing/2014/main" id="{038FDBE4-4D97-48CC-B3E3-FFD25F9049FB}"/>
              </a:ext>
            </a:extLst>
          </p:cNvPr>
          <p:cNvSpPr/>
          <p:nvPr/>
        </p:nvSpPr>
        <p:spPr>
          <a:xfrm>
            <a:off x="4478049" y="5679566"/>
            <a:ext cx="792000" cy="651436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US" sz="1200" dirty="0">
                <a:solidFill>
                  <a:srgbClr val="000000"/>
                </a:solidFill>
              </a:rPr>
              <a:t>Salary</a:t>
            </a:r>
          </a:p>
        </p:txBody>
      </p:sp>
      <p:cxnSp>
        <p:nvCxnSpPr>
          <p:cNvPr id="368" name="Connector: Elbow 367">
            <a:extLst>
              <a:ext uri="{FF2B5EF4-FFF2-40B4-BE49-F238E27FC236}">
                <a16:creationId xmlns:a16="http://schemas.microsoft.com/office/drawing/2014/main" id="{9DFAC50E-9F77-4875-A84C-C58C086BFAF9}"/>
              </a:ext>
            </a:extLst>
          </p:cNvPr>
          <p:cNvCxnSpPr>
            <a:cxnSpLocks/>
            <a:stCxn id="364" idx="2"/>
            <a:endCxn id="367" idx="0"/>
          </p:cNvCxnSpPr>
          <p:nvPr/>
        </p:nvCxnSpPr>
        <p:spPr>
          <a:xfrm rot="5400000">
            <a:off x="4920484" y="5204001"/>
            <a:ext cx="429130" cy="522000"/>
          </a:xfrm>
          <a:prstGeom prst="bentConnector3">
            <a:avLst/>
          </a:prstGeom>
          <a:noFill/>
          <a:ln w="28575" cap="flat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miter lim="800000"/>
            <a:tailEnd type="triangle"/>
          </a:ln>
          <a:effectLst/>
        </p:spPr>
      </p:cxnSp>
      <p:cxnSp>
        <p:nvCxnSpPr>
          <p:cNvPr id="369" name="Connector: Elbow 368">
            <a:extLst>
              <a:ext uri="{FF2B5EF4-FFF2-40B4-BE49-F238E27FC236}">
                <a16:creationId xmlns:a16="http://schemas.microsoft.com/office/drawing/2014/main" id="{93077107-504C-4F01-A3AE-BD6CD40A1D78}"/>
              </a:ext>
            </a:extLst>
          </p:cNvPr>
          <p:cNvCxnSpPr>
            <a:cxnSpLocks/>
            <a:stCxn id="364" idx="2"/>
            <a:endCxn id="366" idx="0"/>
          </p:cNvCxnSpPr>
          <p:nvPr/>
        </p:nvCxnSpPr>
        <p:spPr>
          <a:xfrm rot="16200000" flipH="1">
            <a:off x="5428759" y="5217726"/>
            <a:ext cx="456581" cy="522000"/>
          </a:xfrm>
          <a:prstGeom prst="bentConnector3">
            <a:avLst>
              <a:gd name="adj1" fmla="val 47558"/>
            </a:avLst>
          </a:prstGeom>
          <a:noFill/>
          <a:ln w="28575" cap="flat" cmpd="sng" algn="ctr">
            <a:solidFill>
              <a:schemeClr val="accent6">
                <a:lumMod val="40000"/>
                <a:lumOff val="60000"/>
              </a:schemeClr>
            </a:solidFill>
            <a:prstDash val="solid"/>
            <a:miter lim="800000"/>
            <a:tailEnd type="triangle"/>
          </a:ln>
          <a:effectLst/>
        </p:spPr>
      </p:cxnSp>
      <p:sp>
        <p:nvSpPr>
          <p:cNvPr id="62" name="Rectangle 61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63" name="Rectangle 62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15675353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1" fill="hold">
                      <p:stCondLst>
                        <p:cond delay="indefinite"/>
                      </p:stCondLst>
                      <p:childTnLst>
                        <p:par>
                          <p:cTn id="32" fill="hold">
                            <p:stCondLst>
                              <p:cond delay="0"/>
                            </p:stCondLst>
                            <p:childTnLst>
                              <p:par>
                                <p:cTn id="3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1" fill="hold">
                      <p:stCondLst>
                        <p:cond delay="indefinite"/>
                      </p:stCondLst>
                      <p:childTnLst>
                        <p:par>
                          <p:cTn id="42" fill="hold">
                            <p:stCondLst>
                              <p:cond delay="0"/>
                            </p:stCondLst>
                            <p:childTnLst>
                              <p:par>
                                <p:cTn id="4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8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8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8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8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8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1" fill="hold">
                      <p:stCondLst>
                        <p:cond delay="indefinite"/>
                      </p:stCondLst>
                      <p:childTnLst>
                        <p:par>
                          <p:cTn id="92" fill="hold">
                            <p:stCondLst>
                              <p:cond delay="0"/>
                            </p:stCondLst>
                            <p:childTnLst>
                              <p:par>
                                <p:cTn id="9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1" fill="hold">
                      <p:stCondLst>
                        <p:cond delay="indefinite"/>
                      </p:stCondLst>
                      <p:childTnLst>
                        <p:par>
                          <p:cTn id="102" fill="hold">
                            <p:stCondLst>
                              <p:cond delay="0"/>
                            </p:stCondLst>
                            <p:childTnLst>
                              <p:par>
                                <p:cTn id="10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0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0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0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1" fill="hold">
                      <p:stCondLst>
                        <p:cond delay="indefinite"/>
                      </p:stCondLst>
                      <p:childTnLst>
                        <p:par>
                          <p:cTn id="112" fill="hold">
                            <p:stCondLst>
                              <p:cond delay="0"/>
                            </p:stCondLst>
                            <p:childTnLst>
                              <p:par>
                                <p:cTn id="1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27" fill="hold">
                      <p:stCondLst>
                        <p:cond delay="indefinite"/>
                      </p:stCondLst>
                      <p:childTnLst>
                        <p:par>
                          <p:cTn id="128" fill="hold">
                            <p:stCondLst>
                              <p:cond delay="0"/>
                            </p:stCondLst>
                            <p:childTnLst>
                              <p:par>
                                <p:cTn id="12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90" grpId="0" animBg="1"/>
      <p:bldP spid="91" grpId="0" animBg="1"/>
      <p:bldP spid="94" grpId="0"/>
      <p:bldP spid="95" grpId="0"/>
      <p:bldP spid="96" grpId="0" animBg="1"/>
      <p:bldP spid="97" grpId="0" animBg="1"/>
      <p:bldP spid="98" grpId="0" animBg="1"/>
      <p:bldP spid="101" grpId="0" animBg="1"/>
      <p:bldP spid="102" grpId="0" animBg="1"/>
      <p:bldP spid="103" grpId="0" animBg="1"/>
      <p:bldP spid="104" grpId="0" animBg="1"/>
      <p:bldP spid="105" grpId="0" animBg="1"/>
      <p:bldP spid="106" grpId="0" animBg="1"/>
      <p:bldP spid="110" grpId="0"/>
      <p:bldP spid="111" grpId="0" animBg="1"/>
      <p:bldP spid="66" grpId="0"/>
      <p:bldP spid="158" grpId="0" animBg="1"/>
      <p:bldP spid="159" grpId="0" animBg="1"/>
      <p:bldP spid="161" grpId="0" animBg="1"/>
      <p:bldP spid="264" grpId="0" animBg="1"/>
      <p:bldP spid="265" grpId="0" animBg="1"/>
      <p:bldP spid="266" grpId="0" animBg="1"/>
      <p:bldP spid="280" grpId="0" animBg="1"/>
      <p:bldP spid="281" grpId="0" animBg="1"/>
      <p:bldP spid="282" grpId="0" animBg="1"/>
      <p:bldP spid="284" grpId="0" animBg="1"/>
      <p:bldP spid="285" grpId="0" animBg="1"/>
      <p:bldP spid="286" grpId="0" animBg="1"/>
      <p:bldP spid="345" grpId="0" animBg="1"/>
      <p:bldP spid="347" grpId="0" animBg="1"/>
      <p:bldP spid="348" grpId="0" animBg="1"/>
      <p:bldP spid="357" grpId="0" animBg="1"/>
      <p:bldP spid="358" grpId="0" animBg="1"/>
      <p:bldP spid="359" grpId="0" animBg="1"/>
      <p:bldP spid="364" grpId="0" animBg="1"/>
      <p:bldP spid="366" grpId="0" animBg="1"/>
      <p:bldP spid="367" grpId="0" animBg="1"/>
    </p:bld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le 1">
            <a:extLst>
              <a:ext uri="{FF2B5EF4-FFF2-40B4-BE49-F238E27FC236}">
                <a16:creationId xmlns:a16="http://schemas.microsoft.com/office/drawing/2014/main" id="{D5B1C0A7-38E7-4248-A5DE-0D739461F8F3}"/>
              </a:ext>
            </a:extLst>
          </p:cNvPr>
          <p:cNvSpPr txBox="1">
            <a:spLocks/>
          </p:cNvSpPr>
          <p:nvPr/>
        </p:nvSpPr>
        <p:spPr bwMode="gray">
          <a:xfrm>
            <a:off x="236498" y="308222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with a market of $22bn in India, the fund aims for a 0.25% share across five tranches </a:t>
            </a:r>
          </a:p>
        </p:txBody>
      </p:sp>
      <p:graphicFrame>
        <p:nvGraphicFramePr>
          <p:cNvPr id="24" name="Table 23">
            <a:extLst>
              <a:ext uri="{FF2B5EF4-FFF2-40B4-BE49-F238E27FC236}">
                <a16:creationId xmlns:a16="http://schemas.microsoft.com/office/drawing/2014/main" id="{4D55F8FE-367C-4350-A689-B27640BFB6AB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025699912"/>
              </p:ext>
            </p:extLst>
          </p:nvPr>
        </p:nvGraphicFramePr>
        <p:xfrm>
          <a:off x="4724135" y="1251951"/>
          <a:ext cx="7729612" cy="5510966"/>
        </p:xfrm>
        <a:graphic>
          <a:graphicData uri="http://schemas.openxmlformats.org/drawingml/2006/table">
            <a:tbl>
              <a:tblPr firstRow="1" firstCol="1" bandRow="1"/>
              <a:tblGrid>
                <a:gridCol w="3753036">
                  <a:extLst>
                    <a:ext uri="{9D8B030D-6E8A-4147-A177-3AD203B41FA5}">
                      <a16:colId xmlns:a16="http://schemas.microsoft.com/office/drawing/2014/main" val="3349395843"/>
                    </a:ext>
                  </a:extLst>
                </a:gridCol>
                <a:gridCol w="3976576">
                  <a:extLst>
                    <a:ext uri="{9D8B030D-6E8A-4147-A177-3AD203B41FA5}">
                      <a16:colId xmlns:a16="http://schemas.microsoft.com/office/drawing/2014/main" val="99308280"/>
                    </a:ext>
                  </a:extLst>
                </a:gridCol>
              </a:tblGrid>
              <a:tr h="409158">
                <a:tc gridSpan="2">
                  <a:txBody>
                    <a:bodyPr/>
                    <a:lstStyle/>
                    <a:p>
                      <a:pPr algn="ctr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2000" b="1" kern="1200" dirty="0">
                          <a:solidFill>
                            <a:schemeClr val="bg2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Fund details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009051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endParaRPr lang="en-IN" sz="34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128011" marR="128011" marT="17779" marB="0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583135714"/>
                  </a:ext>
                </a:extLst>
              </a:tr>
              <a:tr h="413349"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Target geography 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India &amp; other developing countries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333685427"/>
                  </a:ext>
                </a:extLst>
              </a:tr>
              <a:tr h="413349"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Asset class 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Preferred equity (periodic return + equity)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281496355"/>
                  </a:ext>
                </a:extLst>
              </a:tr>
              <a:tr h="413349"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Share class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50% Class A and 50% Class B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303007566"/>
                  </a:ext>
                </a:extLst>
              </a:tr>
              <a:tr h="413349"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Addressable market size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21.65 bn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243289061"/>
                  </a:ext>
                </a:extLst>
              </a:tr>
              <a:tr h="413349"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Pilot fund size 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/>
                    </a:solidFill>
                  </a:tcPr>
                </a:tc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$1.55 </a:t>
                      </a:r>
                      <a:r>
                        <a:rPr lang="en-IN" sz="1600" kern="1200" dirty="0" err="1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mn</a:t>
                      </a: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 (100 acres land)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323084990"/>
                  </a:ext>
                </a:extLst>
              </a:tr>
              <a:tr h="413349"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Fund size in each round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$10 </a:t>
                      </a:r>
                      <a:r>
                        <a:rPr lang="en-IN" sz="1600" kern="1200" dirty="0" err="1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mn</a:t>
                      </a: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 (600 acres land)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523445805"/>
                  </a:ext>
                </a:extLst>
              </a:tr>
              <a:tr h="413349"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# of funding rounds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/>
                    </a:solidFill>
                  </a:tcPr>
                </a:tc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5 rounds across 10 years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593666704"/>
                  </a:ext>
                </a:extLst>
              </a:tr>
              <a:tr h="413349"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Total fund size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$50 </a:t>
                      </a:r>
                      <a:r>
                        <a:rPr lang="en-IN" sz="1600" kern="1200" dirty="0" err="1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mn</a:t>
                      </a:r>
                      <a:endParaRPr lang="en-IN" sz="1600" kern="1200" dirty="0">
                        <a:solidFill>
                          <a:srgbClr val="000000"/>
                        </a:solidFill>
                        <a:latin typeface="Verdana" panose="020B0604030504040204" pitchFamily="34" charset="0"/>
                        <a:ea typeface="+mn-ea"/>
                        <a:cs typeface="+mn-cs"/>
                      </a:endParaRP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477432099"/>
                  </a:ext>
                </a:extLst>
              </a:tr>
              <a:tr h="413349"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Average land acquisition price</a:t>
                      </a:r>
                      <a:r>
                        <a:rPr lang="en-IN" sz="1600" kern="1200" baseline="300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2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/>
                    </a:solidFill>
                  </a:tcPr>
                </a:tc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$14,000 per acre in Year 0</a:t>
                      </a:r>
                      <a:r>
                        <a:rPr lang="en-IN" sz="1600" kern="1200" baseline="300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3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212852571"/>
                  </a:ext>
                </a:extLst>
              </a:tr>
              <a:tr h="413349"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Investment time horizon 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Minimum 10 years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4284751484"/>
                  </a:ext>
                </a:extLst>
              </a:tr>
              <a:tr h="462859"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Land to each farmer at year end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/>
                    </a:solidFill>
                  </a:tcPr>
                </a:tc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0.04 acres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4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978094711"/>
                  </a:ext>
                </a:extLst>
              </a:tr>
              <a:tr h="413349"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Assumed inflation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just" fontAlgn="t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IN" sz="1600" kern="1200" dirty="0">
                          <a:solidFill>
                            <a:srgbClr val="000000"/>
                          </a:solidFill>
                          <a:latin typeface="Verdana" panose="020B0604030504040204" pitchFamily="34" charset="0"/>
                          <a:ea typeface="+mn-ea"/>
                          <a:cs typeface="+mn-cs"/>
                        </a:rPr>
                        <a:t>5% (5y average of India’s CPI)</a:t>
                      </a:r>
                    </a:p>
                  </a:txBody>
                  <a:tcPr marL="128011" marR="128011" marT="17779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accent6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228458047"/>
                  </a:ext>
                </a:extLst>
              </a:tr>
            </a:tbl>
          </a:graphicData>
        </a:graphic>
      </p:graphicFrame>
      <p:grpSp>
        <p:nvGrpSpPr>
          <p:cNvPr id="10" name="Group 9">
            <a:extLst>
              <a:ext uri="{FF2B5EF4-FFF2-40B4-BE49-F238E27FC236}">
                <a16:creationId xmlns:a16="http://schemas.microsoft.com/office/drawing/2014/main" id="{260534CD-EFF7-4FF9-A726-73E647C0AADB}"/>
              </a:ext>
            </a:extLst>
          </p:cNvPr>
          <p:cNvGrpSpPr/>
          <p:nvPr/>
        </p:nvGrpSpPr>
        <p:grpSpPr>
          <a:xfrm>
            <a:off x="68266" y="1656904"/>
            <a:ext cx="2292213" cy="2262538"/>
            <a:chOff x="964614" y="1429891"/>
            <a:chExt cx="2292213" cy="2262538"/>
          </a:xfrm>
        </p:grpSpPr>
        <p:sp>
          <p:nvSpPr>
            <p:cNvPr id="3" name="Oval 2">
              <a:extLst>
                <a:ext uri="{FF2B5EF4-FFF2-40B4-BE49-F238E27FC236}">
                  <a16:creationId xmlns:a16="http://schemas.microsoft.com/office/drawing/2014/main" id="{3201BC0D-9FBD-4288-8367-430230FEC316}"/>
                </a:ext>
              </a:extLst>
            </p:cNvPr>
            <p:cNvSpPr/>
            <p:nvPr/>
          </p:nvSpPr>
          <p:spPr>
            <a:xfrm>
              <a:off x="1390721" y="1429891"/>
              <a:ext cx="1440000" cy="1440000"/>
            </a:xfrm>
            <a:prstGeom prst="ellipse">
              <a:avLst/>
            </a:prstGeom>
            <a:solidFill>
              <a:schemeClr val="accent1"/>
            </a:solidFill>
            <a:ln w="187325">
              <a:solidFill>
                <a:srgbClr val="00905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endParaRPr lang="en-IN" sz="2000" dirty="0">
                <a:solidFill>
                  <a:schemeClr val="tx1"/>
                </a:solidFill>
              </a:endParaRPr>
            </a:p>
          </p:txBody>
        </p:sp>
        <p:sp>
          <p:nvSpPr>
            <p:cNvPr id="4" name="TextBox 3">
              <a:extLst>
                <a:ext uri="{FF2B5EF4-FFF2-40B4-BE49-F238E27FC236}">
                  <a16:creationId xmlns:a16="http://schemas.microsoft.com/office/drawing/2014/main" id="{8FB55395-F5D4-4FF2-88EA-C50B56BD970A}"/>
                </a:ext>
              </a:extLst>
            </p:cNvPr>
            <p:cNvSpPr txBox="1"/>
            <p:nvPr/>
          </p:nvSpPr>
          <p:spPr>
            <a:xfrm>
              <a:off x="1364958" y="1805762"/>
              <a:ext cx="1491527" cy="688256"/>
            </a:xfrm>
            <a:prstGeom prst="rect">
              <a:avLst/>
            </a:prstGeom>
            <a:noFill/>
          </p:spPr>
          <p:txBody>
            <a:bodyPr wrap="square" lIns="36000" tIns="36000" rIns="36000" bIns="36000" rtlCol="0">
              <a:spAutoFit/>
            </a:bodyPr>
            <a:lstStyle/>
            <a:p>
              <a:pPr algn="ctr"/>
              <a:r>
                <a:rPr lang="en-IN" sz="2000" dirty="0"/>
                <a:t>215mn acres</a:t>
              </a:r>
            </a:p>
          </p:txBody>
        </p:sp>
        <p:sp>
          <p:nvSpPr>
            <p:cNvPr id="6" name="Rectangle 5">
              <a:extLst>
                <a:ext uri="{FF2B5EF4-FFF2-40B4-BE49-F238E27FC236}">
                  <a16:creationId xmlns:a16="http://schemas.microsoft.com/office/drawing/2014/main" id="{1A26139A-A1E0-46E4-A3C9-FE285AF06509}"/>
                </a:ext>
              </a:extLst>
            </p:cNvPr>
            <p:cNvSpPr/>
            <p:nvPr/>
          </p:nvSpPr>
          <p:spPr>
            <a:xfrm>
              <a:off x="964614" y="3049499"/>
              <a:ext cx="2292213" cy="642930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algn="ctr"/>
              <a:r>
                <a:rPr lang="en-US" dirty="0">
                  <a:solidFill>
                    <a:srgbClr val="000000"/>
                  </a:solidFill>
                </a:rPr>
                <a:t>Gross irrigated land in India</a:t>
              </a:r>
            </a:p>
          </p:txBody>
        </p:sp>
      </p:grpSp>
      <p:grpSp>
        <p:nvGrpSpPr>
          <p:cNvPr id="2" name="Group 1">
            <a:extLst>
              <a:ext uri="{FF2B5EF4-FFF2-40B4-BE49-F238E27FC236}">
                <a16:creationId xmlns:a16="http://schemas.microsoft.com/office/drawing/2014/main" id="{7152380B-4D9D-4C7B-ADB5-AAA7EE4A888A}"/>
              </a:ext>
            </a:extLst>
          </p:cNvPr>
          <p:cNvGrpSpPr/>
          <p:nvPr/>
        </p:nvGrpSpPr>
        <p:grpSpPr>
          <a:xfrm>
            <a:off x="2386243" y="1651442"/>
            <a:ext cx="2292213" cy="2268000"/>
            <a:chOff x="5009417" y="1429891"/>
            <a:chExt cx="2292213" cy="2268000"/>
          </a:xfrm>
        </p:grpSpPr>
        <p:sp>
          <p:nvSpPr>
            <p:cNvPr id="13" name="Oval 12">
              <a:extLst>
                <a:ext uri="{FF2B5EF4-FFF2-40B4-BE49-F238E27FC236}">
                  <a16:creationId xmlns:a16="http://schemas.microsoft.com/office/drawing/2014/main" id="{ED0C7ED1-2F86-4ACF-80E6-EC3879CF0668}"/>
                </a:ext>
              </a:extLst>
            </p:cNvPr>
            <p:cNvSpPr/>
            <p:nvPr/>
          </p:nvSpPr>
          <p:spPr>
            <a:xfrm>
              <a:off x="5435523" y="1429891"/>
              <a:ext cx="1440000" cy="1440000"/>
            </a:xfrm>
            <a:prstGeom prst="ellipse">
              <a:avLst/>
            </a:prstGeom>
            <a:solidFill>
              <a:schemeClr val="accent1"/>
            </a:solidFill>
            <a:ln w="187325">
              <a:solidFill>
                <a:srgbClr val="00905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endParaRPr lang="en-IN" sz="2000" dirty="0">
                <a:solidFill>
                  <a:schemeClr val="tx1"/>
                </a:solidFill>
              </a:endParaRPr>
            </a:p>
          </p:txBody>
        </p:sp>
        <p:sp>
          <p:nvSpPr>
            <p:cNvPr id="14" name="TextBox 13">
              <a:extLst>
                <a:ext uri="{FF2B5EF4-FFF2-40B4-BE49-F238E27FC236}">
                  <a16:creationId xmlns:a16="http://schemas.microsoft.com/office/drawing/2014/main" id="{FBB57C4D-8D03-4788-966A-55D4D0D482DE}"/>
                </a:ext>
              </a:extLst>
            </p:cNvPr>
            <p:cNvSpPr txBox="1"/>
            <p:nvPr/>
          </p:nvSpPr>
          <p:spPr>
            <a:xfrm>
              <a:off x="5409760" y="1805762"/>
              <a:ext cx="1491527" cy="688256"/>
            </a:xfrm>
            <a:prstGeom prst="rect">
              <a:avLst/>
            </a:prstGeom>
            <a:noFill/>
          </p:spPr>
          <p:txBody>
            <a:bodyPr wrap="square" lIns="36000" tIns="36000" rIns="36000" bIns="36000" rtlCol="0">
              <a:spAutoFit/>
            </a:bodyPr>
            <a:lstStyle/>
            <a:p>
              <a:pPr algn="ctr"/>
              <a:r>
                <a:rPr lang="en-IN" sz="2000" dirty="0"/>
                <a:t>$22 </a:t>
              </a:r>
            </a:p>
            <a:p>
              <a:pPr algn="ctr"/>
              <a:r>
                <a:rPr lang="en-IN" sz="2000" dirty="0"/>
                <a:t>billion</a:t>
              </a: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6BE4D78E-C0BA-4620-A978-82037DD1E5A0}"/>
                </a:ext>
              </a:extLst>
            </p:cNvPr>
            <p:cNvSpPr/>
            <p:nvPr/>
          </p:nvSpPr>
          <p:spPr>
            <a:xfrm>
              <a:off x="5009417" y="3051560"/>
              <a:ext cx="2292213" cy="646331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algn="ctr"/>
              <a:r>
                <a:rPr lang="en-US" dirty="0">
                  <a:solidFill>
                    <a:srgbClr val="000000"/>
                  </a:solidFill>
                </a:rPr>
                <a:t>Addressable market size</a:t>
              </a:r>
              <a:r>
                <a:rPr lang="en-US" baseline="30000" dirty="0">
                  <a:solidFill>
                    <a:srgbClr val="000000"/>
                  </a:solidFill>
                </a:rPr>
                <a:t>1</a:t>
              </a:r>
            </a:p>
          </p:txBody>
        </p:sp>
      </p:grpSp>
      <p:grpSp>
        <p:nvGrpSpPr>
          <p:cNvPr id="9" name="Group 8">
            <a:extLst>
              <a:ext uri="{FF2B5EF4-FFF2-40B4-BE49-F238E27FC236}">
                <a16:creationId xmlns:a16="http://schemas.microsoft.com/office/drawing/2014/main" id="{6807F37D-168C-4182-A4E1-5EEBB5CC0012}"/>
              </a:ext>
            </a:extLst>
          </p:cNvPr>
          <p:cNvGrpSpPr/>
          <p:nvPr/>
        </p:nvGrpSpPr>
        <p:grpSpPr>
          <a:xfrm>
            <a:off x="1288125" y="4108186"/>
            <a:ext cx="2196236" cy="2497744"/>
            <a:chOff x="8873778" y="1484298"/>
            <a:chExt cx="2196236" cy="2497744"/>
          </a:xfrm>
        </p:grpSpPr>
        <p:sp>
          <p:nvSpPr>
            <p:cNvPr id="16" name="Oval 15">
              <a:extLst>
                <a:ext uri="{FF2B5EF4-FFF2-40B4-BE49-F238E27FC236}">
                  <a16:creationId xmlns:a16="http://schemas.microsoft.com/office/drawing/2014/main" id="{EDBC35CE-6976-4684-8511-066A0300859C}"/>
                </a:ext>
              </a:extLst>
            </p:cNvPr>
            <p:cNvSpPr/>
            <p:nvPr/>
          </p:nvSpPr>
          <p:spPr>
            <a:xfrm>
              <a:off x="9299885" y="1484298"/>
              <a:ext cx="1440000" cy="1440000"/>
            </a:xfrm>
            <a:prstGeom prst="ellipse">
              <a:avLst/>
            </a:prstGeom>
            <a:solidFill>
              <a:schemeClr val="accent1"/>
            </a:solidFill>
            <a:ln w="187325">
              <a:solidFill>
                <a:srgbClr val="00905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36000" tIns="36000" rIns="36000" bIns="36000" rtlCol="0" anchor="ctr"/>
            <a:lstStyle/>
            <a:p>
              <a:pPr algn="ctr"/>
              <a:endParaRPr lang="en-IN" sz="2000" dirty="0">
                <a:solidFill>
                  <a:schemeClr val="tx1"/>
                </a:solidFill>
              </a:endParaRPr>
            </a:p>
          </p:txBody>
        </p:sp>
        <p:sp>
          <p:nvSpPr>
            <p:cNvPr id="17" name="TextBox 16">
              <a:extLst>
                <a:ext uri="{FF2B5EF4-FFF2-40B4-BE49-F238E27FC236}">
                  <a16:creationId xmlns:a16="http://schemas.microsoft.com/office/drawing/2014/main" id="{98411D8C-3E23-4E77-93C9-BC9E789CE906}"/>
                </a:ext>
              </a:extLst>
            </p:cNvPr>
            <p:cNvSpPr txBox="1"/>
            <p:nvPr/>
          </p:nvSpPr>
          <p:spPr>
            <a:xfrm>
              <a:off x="9274122" y="1860169"/>
              <a:ext cx="1491527" cy="688256"/>
            </a:xfrm>
            <a:prstGeom prst="rect">
              <a:avLst/>
            </a:prstGeom>
            <a:noFill/>
          </p:spPr>
          <p:txBody>
            <a:bodyPr wrap="square" lIns="36000" tIns="36000" rIns="36000" bIns="36000" rtlCol="0">
              <a:spAutoFit/>
            </a:bodyPr>
            <a:lstStyle/>
            <a:p>
              <a:pPr algn="ctr"/>
              <a:r>
                <a:rPr lang="en-IN" sz="2000" dirty="0"/>
                <a:t>$50 </a:t>
              </a:r>
            </a:p>
            <a:p>
              <a:pPr algn="ctr"/>
              <a:r>
                <a:rPr lang="en-IN" sz="2000" dirty="0"/>
                <a:t>million</a:t>
              </a:r>
            </a:p>
          </p:txBody>
        </p:sp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9E37254E-E0D9-468F-9FCA-5E363FA95730}"/>
                </a:ext>
              </a:extLst>
            </p:cNvPr>
            <p:cNvSpPr/>
            <p:nvPr/>
          </p:nvSpPr>
          <p:spPr>
            <a:xfrm>
              <a:off x="8873778" y="3058712"/>
              <a:ext cx="2196236" cy="923330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algn="ctr"/>
              <a:r>
                <a:rPr lang="en-US" dirty="0">
                  <a:solidFill>
                    <a:srgbClr val="000000"/>
                  </a:solidFill>
                </a:rPr>
                <a:t>Proposed investment in five tranches</a:t>
              </a:r>
            </a:p>
          </p:txBody>
        </p:sp>
      </p:grpSp>
      <p:sp>
        <p:nvSpPr>
          <p:cNvPr id="29" name="TextBox 28">
            <a:extLst>
              <a:ext uri="{FF2B5EF4-FFF2-40B4-BE49-F238E27FC236}">
                <a16:creationId xmlns:a16="http://schemas.microsoft.com/office/drawing/2014/main" id="{D66E9F68-C88F-42C2-BC25-FC75E522FAEC}"/>
              </a:ext>
            </a:extLst>
          </p:cNvPr>
          <p:cNvSpPr txBox="1"/>
          <p:nvPr/>
        </p:nvSpPr>
        <p:spPr>
          <a:xfrm flipH="1">
            <a:off x="0" y="6670802"/>
            <a:ext cx="5390593" cy="488201"/>
          </a:xfrm>
          <a:prstGeom prst="rect">
            <a:avLst/>
          </a:prstGeom>
          <a:noFill/>
        </p:spPr>
        <p:txBody>
          <a:bodyPr wrap="square" lIns="36000" tIns="36000" rIns="36000" bIns="36000" rtlCol="0">
            <a:spAutoFit/>
          </a:bodyPr>
          <a:lstStyle/>
          <a:p>
            <a:r>
              <a:rPr lang="en-IN" sz="900" i="1" baseline="30000" dirty="0">
                <a:solidFill>
                  <a:srgbClr val="000000"/>
                </a:solidFill>
                <a:latin typeface="Verdana" panose="020B0604030504040204" pitchFamily="34" charset="0"/>
              </a:rPr>
              <a:t>1</a:t>
            </a:r>
            <a:r>
              <a:rPr lang="en-IN" sz="900" i="1" dirty="0">
                <a:solidFill>
                  <a:srgbClr val="000000"/>
                </a:solidFill>
                <a:latin typeface="Verdana" panose="020B0604030504040204" pitchFamily="34" charset="0"/>
              </a:rPr>
              <a:t>Assuming 65% land with landlords and 1% of that as addressable market</a:t>
            </a:r>
          </a:p>
          <a:p>
            <a:r>
              <a:rPr lang="en-IN" sz="900" i="1" baseline="30000" dirty="0">
                <a:solidFill>
                  <a:srgbClr val="000000"/>
                </a:solidFill>
                <a:latin typeface="Verdana" panose="020B0604030504040204" pitchFamily="34" charset="0"/>
              </a:rPr>
              <a:t>2</a:t>
            </a:r>
            <a:r>
              <a:rPr lang="en-IN" sz="900" i="1" dirty="0">
                <a:solidFill>
                  <a:srgbClr val="000000"/>
                </a:solidFill>
                <a:latin typeface="Verdana" panose="020B0604030504040204" pitchFamily="34" charset="0"/>
              </a:rPr>
              <a:t>Based on primary interactions with experts in the field and secondary research</a:t>
            </a:r>
          </a:p>
          <a:p>
            <a:r>
              <a:rPr lang="en-IN" sz="900" i="1" baseline="30000">
                <a:solidFill>
                  <a:srgbClr val="000000"/>
                </a:solidFill>
                <a:latin typeface="Verdana" panose="020B0604030504040204" pitchFamily="34" charset="0"/>
              </a:rPr>
              <a:t>3</a:t>
            </a:r>
            <a:r>
              <a:rPr lang="en-IN" sz="900" i="1" dirty="0">
                <a:solidFill>
                  <a:srgbClr val="000000"/>
                </a:solidFill>
                <a:latin typeface="Verdana" panose="020B0604030504040204" pitchFamily="34" charset="0"/>
              </a:rPr>
              <a:t>I</a:t>
            </a:r>
            <a:r>
              <a:rPr lang="en-IN" sz="900" i="1">
                <a:solidFill>
                  <a:srgbClr val="000000"/>
                </a:solidFill>
                <a:latin typeface="Verdana" panose="020B0604030504040204" pitchFamily="34" charset="0"/>
              </a:rPr>
              <a:t>ncreased </a:t>
            </a:r>
            <a:r>
              <a:rPr lang="en-IN" sz="900" i="1" dirty="0">
                <a:solidFill>
                  <a:srgbClr val="000000"/>
                </a:solidFill>
                <a:latin typeface="Verdana" panose="020B0604030504040204" pitchFamily="34" charset="0"/>
              </a:rPr>
              <a:t>along with inflation in subsequent years</a:t>
            </a:r>
          </a:p>
        </p:txBody>
      </p:sp>
      <p:sp>
        <p:nvSpPr>
          <p:cNvPr id="19" name="Rectangle 18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20" name="Rectangle 19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454886190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9" grpId="0"/>
    </p:bld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1">
            <a:extLst>
              <a:ext uri="{FF2B5EF4-FFF2-40B4-BE49-F238E27FC236}">
                <a16:creationId xmlns:a16="http://schemas.microsoft.com/office/drawing/2014/main" id="{7E663DE7-EDE3-FA42-A802-1BEEB79B7815}"/>
              </a:ext>
            </a:extLst>
          </p:cNvPr>
          <p:cNvSpPr txBox="1">
            <a:spLocks/>
          </p:cNvSpPr>
          <p:nvPr/>
        </p:nvSpPr>
        <p:spPr bwMode="gray">
          <a:xfrm>
            <a:off x="773106" y="3301018"/>
            <a:ext cx="7068379" cy="4928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endParaRPr lang="en-US" sz="3300" b="1" dirty="0">
              <a:solidFill>
                <a:srgbClr val="002060"/>
              </a:solidFill>
            </a:endParaRPr>
          </a:p>
        </p:txBody>
      </p:sp>
      <p:sp>
        <p:nvSpPr>
          <p:cNvPr id="5" name="Title 1">
            <a:extLst>
              <a:ext uri="{FF2B5EF4-FFF2-40B4-BE49-F238E27FC236}">
                <a16:creationId xmlns:a16="http://schemas.microsoft.com/office/drawing/2014/main" id="{D5B1C0A7-38E7-4248-A5DE-0D739461F8F3}"/>
              </a:ext>
            </a:extLst>
          </p:cNvPr>
          <p:cNvSpPr txBox="1">
            <a:spLocks/>
          </p:cNvSpPr>
          <p:nvPr/>
        </p:nvSpPr>
        <p:spPr bwMode="gray">
          <a:xfrm>
            <a:off x="236498" y="308222"/>
            <a:ext cx="12604790" cy="8788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>
            <a:lvl1pPr algn="l" defTabSz="981334" rtl="0" eaLnBrk="1" latinLnBrk="0" hangingPunct="1">
              <a:spcBef>
                <a:spcPct val="0"/>
              </a:spcBef>
              <a:buNone/>
              <a:defRPr sz="2600" kern="1200" cap="all" baseline="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n-US" sz="3300" b="1" dirty="0">
                <a:solidFill>
                  <a:srgbClr val="009051"/>
                </a:solidFill>
              </a:rPr>
              <a:t>innovativeness lies in INVESTOR security, long-term FARMER benefits &amp; SCALABILITY</a:t>
            </a:r>
          </a:p>
        </p:txBody>
      </p:sp>
      <p:sp>
        <p:nvSpPr>
          <p:cNvPr id="4" name="Rounded Rectangle 3">
            <a:extLst>
              <a:ext uri="{FF2B5EF4-FFF2-40B4-BE49-F238E27FC236}">
                <a16:creationId xmlns:a16="http://schemas.microsoft.com/office/drawing/2014/main" id="{EA561F4A-6B47-FC42-A8E6-86D9C1B0812D}"/>
              </a:ext>
            </a:extLst>
          </p:cNvPr>
          <p:cNvSpPr/>
          <p:nvPr/>
        </p:nvSpPr>
        <p:spPr>
          <a:xfrm>
            <a:off x="421961" y="1413581"/>
            <a:ext cx="1260117" cy="1260117"/>
          </a:xfrm>
          <a:prstGeom prst="roundRect">
            <a:avLst>
              <a:gd name="adj" fmla="val 50000"/>
            </a:avLst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FFFFFF"/>
              </a:solidFill>
            </a:endParaRPr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C0C1CD1F-3714-D040-91F8-D906BF7050E3}"/>
              </a:ext>
            </a:extLst>
          </p:cNvPr>
          <p:cNvSpPr/>
          <p:nvPr/>
        </p:nvSpPr>
        <p:spPr>
          <a:xfrm>
            <a:off x="1052020" y="1413581"/>
            <a:ext cx="3233024" cy="1260117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FFFFFF"/>
              </a:solidFill>
            </a:endParaRPr>
          </a:p>
        </p:txBody>
      </p:sp>
      <p:sp>
        <p:nvSpPr>
          <p:cNvPr id="7" name="Rounded Rectangle 6">
            <a:extLst>
              <a:ext uri="{FF2B5EF4-FFF2-40B4-BE49-F238E27FC236}">
                <a16:creationId xmlns:a16="http://schemas.microsoft.com/office/drawing/2014/main" id="{2B01D732-6487-3B47-B2AA-E9E1F580BED1}"/>
              </a:ext>
            </a:extLst>
          </p:cNvPr>
          <p:cNvSpPr/>
          <p:nvPr/>
        </p:nvSpPr>
        <p:spPr>
          <a:xfrm>
            <a:off x="524178" y="1509507"/>
            <a:ext cx="1068263" cy="1068264"/>
          </a:xfrm>
          <a:prstGeom prst="roundRect">
            <a:avLst>
              <a:gd name="adj" fmla="val 50000"/>
            </a:avLst>
          </a:prstGeom>
          <a:solidFill>
            <a:srgbClr val="FFFFFF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000000"/>
              </a:solidFill>
            </a:endParaRP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CC6E91FB-AC4B-494E-854C-E89E4188B2A7}"/>
              </a:ext>
            </a:extLst>
          </p:cNvPr>
          <p:cNvSpPr/>
          <p:nvPr/>
        </p:nvSpPr>
        <p:spPr>
          <a:xfrm>
            <a:off x="4478083" y="1413581"/>
            <a:ext cx="7710199" cy="1260117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r>
              <a:rPr lang="en-US" sz="2000" dirty="0">
                <a:solidFill>
                  <a:srgbClr val="000000"/>
                </a:solidFill>
              </a:rPr>
              <a:t>Creates investor confidence and ensures returns even in unforeseen circumstances</a:t>
            </a:r>
          </a:p>
        </p:txBody>
      </p:sp>
      <p:sp>
        <p:nvSpPr>
          <p:cNvPr id="9" name="Rounded Rectangle 8">
            <a:extLst>
              <a:ext uri="{FF2B5EF4-FFF2-40B4-BE49-F238E27FC236}">
                <a16:creationId xmlns:a16="http://schemas.microsoft.com/office/drawing/2014/main" id="{3D1AE806-2C5E-1447-B8D4-8E005C9CC74A}"/>
              </a:ext>
            </a:extLst>
          </p:cNvPr>
          <p:cNvSpPr/>
          <p:nvPr/>
        </p:nvSpPr>
        <p:spPr>
          <a:xfrm>
            <a:off x="421961" y="2769625"/>
            <a:ext cx="1260117" cy="1260117"/>
          </a:xfrm>
          <a:prstGeom prst="roundRect">
            <a:avLst>
              <a:gd name="adj" fmla="val 50000"/>
            </a:avLst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FFFFFF"/>
              </a:solidFill>
            </a:endParaRP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93491A7F-CE76-044A-A062-BF708D1F492C}"/>
              </a:ext>
            </a:extLst>
          </p:cNvPr>
          <p:cNvSpPr/>
          <p:nvPr/>
        </p:nvSpPr>
        <p:spPr>
          <a:xfrm>
            <a:off x="1052020" y="2769625"/>
            <a:ext cx="3233024" cy="1260117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FFFFFF"/>
              </a:solidFill>
            </a:endParaRPr>
          </a:p>
        </p:txBody>
      </p:sp>
      <p:sp>
        <p:nvSpPr>
          <p:cNvPr id="11" name="Rounded Rectangle 10">
            <a:extLst>
              <a:ext uri="{FF2B5EF4-FFF2-40B4-BE49-F238E27FC236}">
                <a16:creationId xmlns:a16="http://schemas.microsoft.com/office/drawing/2014/main" id="{5ECBD678-9116-DC44-89E8-26A9107A3288}"/>
              </a:ext>
            </a:extLst>
          </p:cNvPr>
          <p:cNvSpPr/>
          <p:nvPr/>
        </p:nvSpPr>
        <p:spPr>
          <a:xfrm>
            <a:off x="524178" y="2865552"/>
            <a:ext cx="1068263" cy="1068264"/>
          </a:xfrm>
          <a:prstGeom prst="roundRect">
            <a:avLst>
              <a:gd name="adj" fmla="val 50000"/>
            </a:avLst>
          </a:prstGeom>
          <a:solidFill>
            <a:srgbClr val="FFFFFF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000000"/>
              </a:solidFill>
            </a:endParaRP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30B35F25-E209-1046-AC18-5CF05BC16974}"/>
              </a:ext>
            </a:extLst>
          </p:cNvPr>
          <p:cNvSpPr/>
          <p:nvPr/>
        </p:nvSpPr>
        <p:spPr>
          <a:xfrm>
            <a:off x="4478083" y="2769625"/>
            <a:ext cx="7710199" cy="1260117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000000"/>
              </a:solidFill>
            </a:endParaRPr>
          </a:p>
        </p:txBody>
      </p:sp>
      <p:sp>
        <p:nvSpPr>
          <p:cNvPr id="13" name="Rounded Rectangle 12">
            <a:extLst>
              <a:ext uri="{FF2B5EF4-FFF2-40B4-BE49-F238E27FC236}">
                <a16:creationId xmlns:a16="http://schemas.microsoft.com/office/drawing/2014/main" id="{89EEE776-8F15-A040-9DF0-160179341322}"/>
              </a:ext>
            </a:extLst>
          </p:cNvPr>
          <p:cNvSpPr/>
          <p:nvPr/>
        </p:nvSpPr>
        <p:spPr>
          <a:xfrm>
            <a:off x="421961" y="4125670"/>
            <a:ext cx="1260117" cy="1260117"/>
          </a:xfrm>
          <a:prstGeom prst="roundRect">
            <a:avLst>
              <a:gd name="adj" fmla="val 50000"/>
            </a:avLst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FFFFFF"/>
              </a:solidFill>
            </a:endParaRP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214C2129-8E94-2540-AB88-2CF78D4B02FE}"/>
              </a:ext>
            </a:extLst>
          </p:cNvPr>
          <p:cNvSpPr/>
          <p:nvPr/>
        </p:nvSpPr>
        <p:spPr>
          <a:xfrm>
            <a:off x="1052020" y="4125670"/>
            <a:ext cx="3233024" cy="1260117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FFFFFF"/>
              </a:solidFill>
            </a:endParaRP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D105F061-E902-3E4F-A6FE-90B96C625963}"/>
              </a:ext>
            </a:extLst>
          </p:cNvPr>
          <p:cNvSpPr/>
          <p:nvPr/>
        </p:nvSpPr>
        <p:spPr>
          <a:xfrm>
            <a:off x="4478083" y="4125670"/>
            <a:ext cx="7710199" cy="1260117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000000"/>
              </a:solidFill>
            </a:endParaRPr>
          </a:p>
        </p:txBody>
      </p:sp>
      <p:sp>
        <p:nvSpPr>
          <p:cNvPr id="16" name="Rounded Rectangle 15">
            <a:extLst>
              <a:ext uri="{FF2B5EF4-FFF2-40B4-BE49-F238E27FC236}">
                <a16:creationId xmlns:a16="http://schemas.microsoft.com/office/drawing/2014/main" id="{989B127B-95DB-754F-83B4-D8BAFC461000}"/>
              </a:ext>
            </a:extLst>
          </p:cNvPr>
          <p:cNvSpPr/>
          <p:nvPr/>
        </p:nvSpPr>
        <p:spPr>
          <a:xfrm>
            <a:off x="421961" y="5481714"/>
            <a:ext cx="1260117" cy="1260117"/>
          </a:xfrm>
          <a:prstGeom prst="roundRect">
            <a:avLst>
              <a:gd name="adj" fmla="val 50000"/>
            </a:avLst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FFFFFF"/>
              </a:solidFill>
            </a:endParaRPr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09A38B1F-15A3-5742-BAB0-582DE5ACB4EE}"/>
              </a:ext>
            </a:extLst>
          </p:cNvPr>
          <p:cNvSpPr/>
          <p:nvPr/>
        </p:nvSpPr>
        <p:spPr>
          <a:xfrm>
            <a:off x="1052020" y="5481714"/>
            <a:ext cx="3233024" cy="1260117"/>
          </a:xfrm>
          <a:prstGeom prst="rect">
            <a:avLst/>
          </a:prstGeom>
          <a:solidFill>
            <a:srgbClr val="00905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FFFFFF"/>
              </a:solidFill>
            </a:endParaRPr>
          </a:p>
        </p:txBody>
      </p:sp>
      <p:sp>
        <p:nvSpPr>
          <p:cNvPr id="18" name="Rounded Rectangle 17">
            <a:extLst>
              <a:ext uri="{FF2B5EF4-FFF2-40B4-BE49-F238E27FC236}">
                <a16:creationId xmlns:a16="http://schemas.microsoft.com/office/drawing/2014/main" id="{E2278FD2-9D04-C94F-A69D-60297C18628B}"/>
              </a:ext>
            </a:extLst>
          </p:cNvPr>
          <p:cNvSpPr/>
          <p:nvPr/>
        </p:nvSpPr>
        <p:spPr>
          <a:xfrm>
            <a:off x="524178" y="5577641"/>
            <a:ext cx="1068263" cy="1068264"/>
          </a:xfrm>
          <a:prstGeom prst="roundRect">
            <a:avLst>
              <a:gd name="adj" fmla="val 50000"/>
            </a:avLst>
          </a:prstGeom>
          <a:solidFill>
            <a:srgbClr val="FFFFFF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000000"/>
              </a:solidFill>
            </a:endParaRPr>
          </a:p>
        </p:txBody>
      </p:sp>
      <p:sp>
        <p:nvSpPr>
          <p:cNvPr id="19" name="Rectangle 18">
            <a:extLst>
              <a:ext uri="{FF2B5EF4-FFF2-40B4-BE49-F238E27FC236}">
                <a16:creationId xmlns:a16="http://schemas.microsoft.com/office/drawing/2014/main" id="{BCC4ADFE-5C6A-3542-82DE-89239851F0EE}"/>
              </a:ext>
            </a:extLst>
          </p:cNvPr>
          <p:cNvSpPr/>
          <p:nvPr/>
        </p:nvSpPr>
        <p:spPr>
          <a:xfrm>
            <a:off x="4478083" y="5481714"/>
            <a:ext cx="7710199" cy="1260117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000000"/>
              </a:solidFill>
            </a:endParaRPr>
          </a:p>
        </p:txBody>
      </p:sp>
      <p:sp>
        <p:nvSpPr>
          <p:cNvPr id="20" name="Source">
            <a:extLst>
              <a:ext uri="{FF2B5EF4-FFF2-40B4-BE49-F238E27FC236}">
                <a16:creationId xmlns:a16="http://schemas.microsoft.com/office/drawing/2014/main" id="{8F4CA15C-9178-E746-9499-211F4F4460BC}"/>
              </a:ext>
            </a:extLst>
          </p:cNvPr>
          <p:cNvSpPr>
            <a:spLocks noGrp="1"/>
          </p:cNvSpPr>
          <p:nvPr/>
        </p:nvSpPr>
        <p:spPr bwMode="auto">
          <a:xfrm>
            <a:off x="1784296" y="1722810"/>
            <a:ext cx="2500748" cy="64165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3406" tIns="43406" rIns="43406" bIns="43406" numCol="1" anchor="ctr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indent="0">
              <a:buClr>
                <a:prstClr val="black"/>
              </a:buClr>
              <a:buNone/>
            </a:pPr>
            <a:r>
              <a:rPr lang="en-US" b="1" dirty="0">
                <a:solidFill>
                  <a:schemeClr val="bg2"/>
                </a:solidFill>
                <a:latin typeface="Verdana"/>
              </a:rPr>
              <a:t>LAND BACKED SECURITY</a:t>
            </a:r>
          </a:p>
        </p:txBody>
      </p:sp>
      <p:sp>
        <p:nvSpPr>
          <p:cNvPr id="21" name="Source">
            <a:extLst>
              <a:ext uri="{FF2B5EF4-FFF2-40B4-BE49-F238E27FC236}">
                <a16:creationId xmlns:a16="http://schemas.microsoft.com/office/drawing/2014/main" id="{B70B9EBF-ACAD-CC47-A9E5-8B30A594FAC7}"/>
              </a:ext>
            </a:extLst>
          </p:cNvPr>
          <p:cNvSpPr>
            <a:spLocks noGrp="1"/>
          </p:cNvSpPr>
          <p:nvPr/>
        </p:nvSpPr>
        <p:spPr bwMode="auto">
          <a:xfrm>
            <a:off x="1784296" y="3078854"/>
            <a:ext cx="2368668" cy="64165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3406" tIns="43406" rIns="43406" bIns="43406" numCol="1" anchor="ctr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indent="0">
              <a:buClr>
                <a:prstClr val="black"/>
              </a:buClr>
              <a:buNone/>
            </a:pPr>
            <a:r>
              <a:rPr lang="en-US" b="1" dirty="0">
                <a:solidFill>
                  <a:schemeClr val="bg2"/>
                </a:solidFill>
                <a:latin typeface="Verdana"/>
              </a:rPr>
              <a:t>ECONOMIES OF SCALE</a:t>
            </a:r>
          </a:p>
        </p:txBody>
      </p:sp>
      <p:sp>
        <p:nvSpPr>
          <p:cNvPr id="22" name="Source">
            <a:extLst>
              <a:ext uri="{FF2B5EF4-FFF2-40B4-BE49-F238E27FC236}">
                <a16:creationId xmlns:a16="http://schemas.microsoft.com/office/drawing/2014/main" id="{C182FE58-8BB1-5C4F-8E7A-ECB09550F6AB}"/>
              </a:ext>
            </a:extLst>
          </p:cNvPr>
          <p:cNvSpPr>
            <a:spLocks noGrp="1"/>
          </p:cNvSpPr>
          <p:nvPr/>
        </p:nvSpPr>
        <p:spPr bwMode="auto">
          <a:xfrm>
            <a:off x="1841778" y="4296400"/>
            <a:ext cx="2311185" cy="91865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3406" tIns="43406" rIns="43406" bIns="43406" numCol="1" anchor="ctr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indent="0">
              <a:buClr>
                <a:prstClr val="black"/>
              </a:buClr>
              <a:buNone/>
            </a:pPr>
            <a:r>
              <a:rPr lang="en-US" b="1" dirty="0">
                <a:solidFill>
                  <a:schemeClr val="bg2"/>
                </a:solidFill>
                <a:latin typeface="Verdana"/>
              </a:rPr>
              <a:t>SUSTAINABLE IMPACT FOR FARMERS</a:t>
            </a:r>
          </a:p>
        </p:txBody>
      </p:sp>
      <p:sp>
        <p:nvSpPr>
          <p:cNvPr id="23" name="Source">
            <a:extLst>
              <a:ext uri="{FF2B5EF4-FFF2-40B4-BE49-F238E27FC236}">
                <a16:creationId xmlns:a16="http://schemas.microsoft.com/office/drawing/2014/main" id="{C091EB4B-34AA-0F47-9735-2749EC77E538}"/>
              </a:ext>
            </a:extLst>
          </p:cNvPr>
          <p:cNvSpPr>
            <a:spLocks noGrp="1"/>
          </p:cNvSpPr>
          <p:nvPr/>
        </p:nvSpPr>
        <p:spPr bwMode="auto">
          <a:xfrm>
            <a:off x="1784295" y="5636945"/>
            <a:ext cx="2590386" cy="91865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3406" tIns="43406" rIns="43406" bIns="43406" numCol="1" anchor="t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indent="0">
              <a:buClr>
                <a:prstClr val="black"/>
              </a:buClr>
              <a:buNone/>
            </a:pPr>
            <a:r>
              <a:rPr lang="en-US" b="1" dirty="0">
                <a:solidFill>
                  <a:schemeClr val="bg2"/>
                </a:solidFill>
                <a:latin typeface="Verdana"/>
              </a:rPr>
              <a:t>SCALABILITY ACROSS GEOGRAPHY</a:t>
            </a:r>
          </a:p>
        </p:txBody>
      </p:sp>
      <p:sp>
        <p:nvSpPr>
          <p:cNvPr id="25" name="Source">
            <a:extLst>
              <a:ext uri="{FF2B5EF4-FFF2-40B4-BE49-F238E27FC236}">
                <a16:creationId xmlns:a16="http://schemas.microsoft.com/office/drawing/2014/main" id="{5A450955-667F-084F-B3CE-560F21F28A47}"/>
              </a:ext>
            </a:extLst>
          </p:cNvPr>
          <p:cNvSpPr>
            <a:spLocks noGrp="1"/>
          </p:cNvSpPr>
          <p:nvPr>
            <p:custDataLst>
              <p:tags r:id="rId1"/>
            </p:custDataLst>
          </p:nvPr>
        </p:nvSpPr>
        <p:spPr bwMode="auto">
          <a:xfrm>
            <a:off x="4394819" y="3044904"/>
            <a:ext cx="7793463" cy="7032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3406" tIns="43406" rIns="43406" bIns="43406" numCol="1" anchor="t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88900" indent="0">
              <a:buNone/>
            </a:pPr>
            <a:r>
              <a:rPr lang="en-US" sz="2000" dirty="0">
                <a:solidFill>
                  <a:srgbClr val="000000"/>
                </a:solidFill>
              </a:rPr>
              <a:t>The aggregator nature of platform enables economies of scale through better agricultural techniques</a:t>
            </a:r>
          </a:p>
        </p:txBody>
      </p:sp>
      <p:sp>
        <p:nvSpPr>
          <p:cNvPr id="26" name="Source">
            <a:extLst>
              <a:ext uri="{FF2B5EF4-FFF2-40B4-BE49-F238E27FC236}">
                <a16:creationId xmlns:a16="http://schemas.microsoft.com/office/drawing/2014/main" id="{495F378F-3901-9941-8E95-258B9BA8E70F}"/>
              </a:ext>
            </a:extLst>
          </p:cNvPr>
          <p:cNvSpPr>
            <a:spLocks noGrp="1"/>
          </p:cNvSpPr>
          <p:nvPr>
            <p:custDataLst>
              <p:tags r:id="rId2"/>
            </p:custDataLst>
          </p:nvPr>
        </p:nvSpPr>
        <p:spPr bwMode="auto">
          <a:xfrm>
            <a:off x="4479742" y="5774934"/>
            <a:ext cx="7708540" cy="7032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3406" tIns="43406" rIns="43406" bIns="43406" numCol="1" anchor="t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indent="0">
              <a:spcBef>
                <a:spcPts val="960"/>
              </a:spcBef>
              <a:spcAft>
                <a:spcPts val="0"/>
              </a:spcAft>
              <a:buClrTx/>
              <a:buSzPct val="100000"/>
              <a:buNone/>
            </a:pPr>
            <a:r>
              <a:rPr lang="en-US" sz="2000" dirty="0">
                <a:solidFill>
                  <a:prstClr val="black"/>
                </a:solidFill>
                <a:latin typeface="Verdana"/>
              </a:rPr>
              <a:t>Can be successfully replicated in countries with high dependence on agricultural activities</a:t>
            </a:r>
          </a:p>
        </p:txBody>
      </p:sp>
      <p:sp>
        <p:nvSpPr>
          <p:cNvPr id="27" name="Source">
            <a:extLst>
              <a:ext uri="{FF2B5EF4-FFF2-40B4-BE49-F238E27FC236}">
                <a16:creationId xmlns:a16="http://schemas.microsoft.com/office/drawing/2014/main" id="{7781CB72-1D9C-A045-9DAA-5465133D71B1}"/>
              </a:ext>
            </a:extLst>
          </p:cNvPr>
          <p:cNvSpPr>
            <a:spLocks noGrp="1"/>
          </p:cNvSpPr>
          <p:nvPr>
            <p:custDataLst>
              <p:tags r:id="rId3"/>
            </p:custDataLst>
          </p:nvPr>
        </p:nvSpPr>
        <p:spPr bwMode="auto">
          <a:xfrm>
            <a:off x="4478083" y="4400948"/>
            <a:ext cx="7718876" cy="7032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43406" tIns="43406" rIns="43406" bIns="43406" numCol="1" anchor="t" anchorCtr="0" compatLnSpc="1">
            <a:prstTxWarp prst="textNoShape">
              <a:avLst/>
            </a:prstTxWarp>
            <a:spAutoFit/>
          </a:bodyPr>
          <a:lstStyle>
            <a:lvl1pPr marL="173736" indent="-173736" algn="l" defTabSz="981075" rtl="0" eaLnBrk="0" fontAlgn="base" hangingPunct="0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Font typeface="Verdana" pitchFamily="34" charset="0"/>
              <a:buChar char="•"/>
              <a:defRPr sz="1800">
                <a:solidFill>
                  <a:schemeClr val="tx1"/>
                </a:solidFill>
                <a:latin typeface="Verdana" pitchFamily="34" charset="0"/>
                <a:ea typeface="+mn-ea"/>
                <a:cs typeface="+mn-cs"/>
              </a:defRPr>
            </a:lvl1pPr>
            <a:lvl2pPr marL="448056" indent="-82296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2pPr>
            <a:lvl3pPr marL="813816" indent="-201168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Font typeface="Marlett" pitchFamily="2" charset="2"/>
              <a:buChar char="8"/>
              <a:defRPr sz="1600">
                <a:solidFill>
                  <a:schemeClr val="tx1"/>
                </a:solidFill>
                <a:latin typeface="Verdana" pitchFamily="34" charset="0"/>
              </a:defRPr>
            </a:lvl3pPr>
            <a:lvl4pPr marL="1084263" indent="-206375" algn="l" defTabSz="981075" rtl="0" eaLnBrk="0" fontAlgn="base" hangingPunct="0">
              <a:spcBef>
                <a:spcPct val="20000"/>
              </a:spcBef>
              <a:spcAft>
                <a:spcPct val="0"/>
              </a:spcAft>
              <a:buClr>
                <a:schemeClr val="tx1"/>
              </a:buClr>
              <a:buChar char="-"/>
              <a:defRPr sz="1600">
                <a:solidFill>
                  <a:schemeClr val="tx1"/>
                </a:solidFill>
                <a:latin typeface="Verdana" pitchFamily="34" charset="0"/>
              </a:defRPr>
            </a:lvl4pPr>
            <a:lvl5pPr marL="21574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5pPr>
            <a:lvl6pPr marL="26146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6pPr>
            <a:lvl7pPr marL="30718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7pPr>
            <a:lvl8pPr marL="35290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8pPr>
            <a:lvl9pPr marL="3986213" indent="-339725" algn="l" defTabSz="981075" rtl="0" eaLnBrk="0" fontAlgn="base" hangingPunct="0">
              <a:spcBef>
                <a:spcPct val="0"/>
              </a:spcBef>
              <a:spcAft>
                <a:spcPct val="0"/>
              </a:spcAft>
              <a:buClr>
                <a:srgbClr val="FFFF66"/>
              </a:buClr>
              <a:buFont typeface="Marlett" pitchFamily="2" charset="2"/>
              <a:buChar char="8"/>
              <a:defRPr sz="2300">
                <a:solidFill>
                  <a:schemeClr val="bg1"/>
                </a:solidFill>
                <a:latin typeface="+mn-lt"/>
              </a:defRPr>
            </a:lvl9pPr>
          </a:lstStyle>
          <a:p>
            <a:pPr marL="0" indent="0">
              <a:spcBef>
                <a:spcPts val="960"/>
              </a:spcBef>
              <a:spcAft>
                <a:spcPts val="0"/>
              </a:spcAft>
              <a:buClrTx/>
              <a:buSzPct val="100000"/>
              <a:buNone/>
            </a:pPr>
            <a:r>
              <a:rPr lang="en-US" sz="2000" dirty="0">
                <a:solidFill>
                  <a:prstClr val="black"/>
                </a:solidFill>
                <a:latin typeface="Verdana"/>
              </a:rPr>
              <a:t>Providing land and training ensures that the Farmers can continue production of high-income crops</a:t>
            </a:r>
          </a:p>
        </p:txBody>
      </p:sp>
      <p:sp>
        <p:nvSpPr>
          <p:cNvPr id="28" name="Rounded Rectangle 27">
            <a:extLst>
              <a:ext uri="{FF2B5EF4-FFF2-40B4-BE49-F238E27FC236}">
                <a16:creationId xmlns:a16="http://schemas.microsoft.com/office/drawing/2014/main" id="{4A23C164-7508-784E-B13B-02E91099305E}"/>
              </a:ext>
            </a:extLst>
          </p:cNvPr>
          <p:cNvSpPr/>
          <p:nvPr/>
        </p:nvSpPr>
        <p:spPr>
          <a:xfrm>
            <a:off x="531242" y="4204190"/>
            <a:ext cx="1068263" cy="1068264"/>
          </a:xfrm>
          <a:prstGeom prst="roundRect">
            <a:avLst>
              <a:gd name="adj" fmla="val 50000"/>
            </a:avLst>
          </a:prstGeom>
          <a:solidFill>
            <a:srgbClr val="FFFFFF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4933" tIns="34933" rIns="34933" bIns="34933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US" sz="1747" dirty="0">
              <a:solidFill>
                <a:srgbClr val="000000"/>
              </a:solidFill>
            </a:endParaRPr>
          </a:p>
        </p:txBody>
      </p:sp>
      <p:pic>
        <p:nvPicPr>
          <p:cNvPr id="2" name="Picture 1">
            <a:extLst>
              <a:ext uri="{FF2B5EF4-FFF2-40B4-BE49-F238E27FC236}">
                <a16:creationId xmlns:a16="http://schemas.microsoft.com/office/drawing/2014/main" id="{4FEF7127-923A-2A4D-A75A-6D0E61FAC499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665030" y="5730820"/>
            <a:ext cx="800686" cy="800686"/>
          </a:xfrm>
          <a:prstGeom prst="rect">
            <a:avLst/>
          </a:prstGeom>
        </p:spPr>
      </p:pic>
      <p:pic>
        <p:nvPicPr>
          <p:cNvPr id="30" name="Picture 29">
            <a:extLst>
              <a:ext uri="{FF2B5EF4-FFF2-40B4-BE49-F238E27FC236}">
                <a16:creationId xmlns:a16="http://schemas.microsoft.com/office/drawing/2014/main" id="{BCE91FF9-E7BF-9342-B50D-CE44DF7D9BBF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644329" y="4296400"/>
            <a:ext cx="853695" cy="853695"/>
          </a:xfrm>
          <a:prstGeom prst="rect">
            <a:avLst/>
          </a:prstGeom>
        </p:spPr>
      </p:pic>
      <p:pic>
        <p:nvPicPr>
          <p:cNvPr id="1026" name="Picture 2">
            <a:extLst>
              <a:ext uri="{FF2B5EF4-FFF2-40B4-BE49-F238E27FC236}">
                <a16:creationId xmlns:a16="http://schemas.microsoft.com/office/drawing/2014/main" id="{076ACD9E-1753-4C4C-83F9-3AC0642F9D0D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67548" y="2775879"/>
            <a:ext cx="1168942" cy="116894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0" name="Picture 6">
            <a:extLst>
              <a:ext uri="{FF2B5EF4-FFF2-40B4-BE49-F238E27FC236}">
                <a16:creationId xmlns:a16="http://schemas.microsoft.com/office/drawing/2014/main" id="{A8087B08-062E-49D7-A9D1-A29378E1490D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25830" y="1622545"/>
            <a:ext cx="835466" cy="83546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2" name="Rectangle 31"/>
          <p:cNvSpPr/>
          <p:nvPr/>
        </p:nvSpPr>
        <p:spPr>
          <a:xfrm>
            <a:off x="0" y="7148919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  <p:sp>
        <p:nvSpPr>
          <p:cNvPr id="33" name="Rectangle 32"/>
          <p:cNvSpPr/>
          <p:nvPr/>
        </p:nvSpPr>
        <p:spPr>
          <a:xfrm>
            <a:off x="0" y="-1354"/>
            <a:ext cx="12841288" cy="74206"/>
          </a:xfrm>
          <a:prstGeom prst="rect">
            <a:avLst/>
          </a:prstGeom>
          <a:solidFill>
            <a:srgbClr val="009656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IN" sz="2000" dirty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54957400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 nodePh="1">
                                  <p:stCondLst>
                                    <p:cond delay="0"/>
                                  </p:stCondLst>
                                  <p:endCondLst>
                                    <p:cond evt="begin" delay="0">
                                      <p:tn val="5"/>
                                    </p:cond>
                                  </p:end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7" fill="hold">
                      <p:stCondLst>
                        <p:cond delay="indefinite"/>
                      </p:stCondLst>
                      <p:childTnLst>
                        <p:par>
                          <p:cTn id="38" fill="hold">
                            <p:stCondLst>
                              <p:cond delay="0"/>
                            </p:stCondLst>
                            <p:childTnLst>
                              <p:par>
                                <p:cTn id="3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5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" grpId="0"/>
      <p:bldP spid="9" grpId="0" animBg="1"/>
      <p:bldP spid="10" grpId="0" animBg="1"/>
      <p:bldP spid="11" grpId="0" animBg="1"/>
      <p:bldP spid="12" grpId="0" animBg="1"/>
      <p:bldP spid="13" grpId="0" animBg="1"/>
      <p:bldP spid="14" grpId="0" animBg="1"/>
      <p:bldP spid="15" grpId="0" animBg="1"/>
      <p:bldP spid="16" grpId="0" animBg="1"/>
      <p:bldP spid="17" grpId="0" animBg="1"/>
      <p:bldP spid="18" grpId="0" animBg="1"/>
      <p:bldP spid="19" grpId="0" animBg="1"/>
      <p:bldP spid="21" grpId="0"/>
      <p:bldP spid="22" grpId="0"/>
      <p:bldP spid="23" grpId="0"/>
      <p:bldP spid="25" grpId="0"/>
      <p:bldP spid="26" grpId="0"/>
      <p:bldP spid="27" grpId="0"/>
      <p:bldP spid="28" grpId="0" animBg="1"/>
    </p:bld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FORMATS" val="&lt;MekkoFormats&gt;&lt;NumberFormat DecimalSeparator=&quot;.&quot; ThousandSeparator=&quot;,&quot; NegativeNumberFormat=&quot;1&quot; /&gt;&lt;Font&gt;&lt;Output_Font_Name Default=&quot;Verdana&quot; UsePPTTheme=&quot;True&quot; /&gt;&lt;/Font&gt;&lt;/MekkoFormats&gt;"/>
  <p:tag name="OFFICE" val="Toronto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0"/>
  <p:tag name="BAINBULLETSACTIVATED" val="Fals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165825370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165825370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165825370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0"/>
  <p:tag name="BAINBULLETSACTIVATED" val="Fals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CT-BODYINDENTATION" val="0;21.37504;35.87496;45.25;60.25;82.87504;97.92001;114.48;"/>
  <p:tag name="VCT-BULLETVISIBILITY" val="G****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0"/>
  <p:tag name="BAINBULLETSACTIVATED" val="Fals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0"/>
  <p:tag name="BAINBULLETSACTIVATED" val="Fals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0"/>
  <p:tag name="BAINBULLETSACTIVATED" val="Fals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0"/>
  <p:tag name="BAINBULLETSACTIVATED" val="Fals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0"/>
  <p:tag name="BAINBULLETSACTIVATED" val="Fals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0"/>
  <p:tag name="BAINBULLETSACTIVATED" val="Fals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IMING" val="|0.9|27.4|5.3|3.5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IMING" val="|15.2|8|9.8|1.2|2.1|2.8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0"/>
  <p:tag name="BAINBULLETSACTIVATED" val="Fals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0"/>
  <p:tag name="BAINBULLETSACTIVATED" val="Fals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0"/>
  <p:tag name="BAINBULLETSACTIVATED" val="Fals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0"/>
  <p:tag name="BAINBULLETSACTIVATED" val="Fals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165825370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165825370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165825370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165825370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165825370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165825370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165825370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165825370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" val="True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" val="True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" val="True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" val="Tru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0"/>
  <p:tag name="BAINBULLETSACTIVATED" val="False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0"/>
  <p:tag name="BAINBULLETSACTIVATED" val="False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" val="Tru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" val="True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" val="True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LINESPACING" val="0"/>
  <p:tag name="BAINBULLETSACTIVATED" val="Fals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Bain A4">
  <a:themeElements>
    <a:clrScheme name="bain_latest">
      <a:dk1>
        <a:sysClr val="windowText" lastClr="000000"/>
      </a:dk1>
      <a:lt1>
        <a:srgbClr val="DDDDDD"/>
      </a:lt1>
      <a:dk2>
        <a:srgbClr val="FFFFFF"/>
      </a:dk2>
      <a:lt2>
        <a:srgbClr val="FFFFFF"/>
      </a:lt2>
      <a:accent1>
        <a:srgbClr val="DDDDDD"/>
      </a:accent1>
      <a:accent2>
        <a:srgbClr val="FFFFFF"/>
      </a:accent2>
      <a:accent3>
        <a:srgbClr val="CC0000"/>
      </a:accent3>
      <a:accent4>
        <a:srgbClr val="B2B2B2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4"/>
        </a:solidFill>
        <a:ln w="19050">
          <a:noFill/>
        </a:ln>
      </a:spPr>
      <a:bodyPr lIns="36000" tIns="36000" rIns="36000" bIns="3600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36000" tIns="36000" rIns="36000" bIns="36000" rtlCol="0">
        <a:spAutoFit/>
      </a:bodyPr>
      <a:lstStyle>
        <a:defPPr>
          <a:defRPr sz="2000"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Bain PPT2_0 (16_9).potx" id="{15A265D9-2918-4491-B4B3-301455B5BC29}" vid="{5AF9815C-9C27-47B6-B1FC-E797D19101D1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Bain PPT2_0 (16_9)</Template>
  <TotalTime>13468</TotalTime>
  <Words>5850</Words>
  <Application>Microsoft Macintosh PowerPoint</Application>
  <PresentationFormat>Custom</PresentationFormat>
  <Paragraphs>886</Paragraphs>
  <Slides>44</Slides>
  <Notes>26</Notes>
  <HiddenSlides>0</HiddenSlides>
  <MMClips>2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44</vt:i4>
      </vt:variant>
    </vt:vector>
  </HeadingPairs>
  <TitlesOfParts>
    <vt:vector size="49" baseType="lpstr">
      <vt:lpstr>Arial</vt:lpstr>
      <vt:lpstr>Calibri</vt:lpstr>
      <vt:lpstr>Marlett</vt:lpstr>
      <vt:lpstr>Verdana</vt:lpstr>
      <vt:lpstr>Bain A4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REFERENCES</vt:lpstr>
    </vt:vector>
  </TitlesOfParts>
  <Company>Bain &amp; Company</Company>
  <LinksUpToDate>false</LinksUpToDate>
  <SharedDoc>false</SharedDoc>
  <HyperlinksChanged>false</HyperlinksChanged>
  <AppVersion>16.0016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Pineault, David</dc:creator>
  <cp:lastModifiedBy>Eshwar Agarwal</cp:lastModifiedBy>
  <cp:revision>315</cp:revision>
  <dcterms:created xsi:type="dcterms:W3CDTF">2016-02-25T19:06:06Z</dcterms:created>
  <dcterms:modified xsi:type="dcterms:W3CDTF">2020-04-05T17:29:13Z</dcterms:modified>
</cp:coreProperties>
</file>